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75FFF881-6256-452E-9E73-9365E75D8834}" xr6:coauthVersionLast="36" xr6:coauthVersionMax="36" xr10:uidLastSave="{00000000-0000-0000-0000-000000000000}"/>
  <bookViews>
    <workbookView xWindow="0" yWindow="0" windowWidth="20745" windowHeight="9300" tabRatio="835" xr2:uid="{00000000-000D-0000-FFFF-FFFF00000000}"/>
  </bookViews>
  <sheets>
    <sheet name="Cover" sheetId="73" r:id="rId1"/>
    <sheet name="Financial 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B$1:$H$145</definedName>
    <definedName name="_xlnm.Print_Area" localSheetId="0">Cover!$A$1:$N$24</definedName>
    <definedName name="_xlnm.Print_Area" localSheetId="1">'Financial Summary'!$B$1:$H$113</definedName>
    <definedName name="_xlnm.Print_Area" localSheetId="2">'Information by Segment'!$B$1:$H$75</definedName>
    <definedName name="_xlnm.Print_Area" localSheetId="5">'Statements of Cash Flows'!$B$1:$H$11</definedName>
    <definedName name="_xlnm.Print_Area" localSheetId="4">'Statements of Operation'!$B$1:$H$75</definedName>
    <definedName name="_xlnm.Print_Titles" localSheetId="3">'Balance Sheets'!#REF!</definedName>
    <definedName name="_xlnm.Print_Titles" localSheetId="1">'Financial Summary'!$1:$2</definedName>
    <definedName name="_xlnm.Print_Titles" localSheetId="2">'Information by Segment'!$1:$1</definedName>
    <definedName name="_xlnm.Print_Titles" localSheetId="5">'Statements of Cash Flows'!$1:$2</definedName>
    <definedName name="_xlnm.Print_Titles" localSheetId="4">'Statements of Operation'!$47:$47</definedName>
  </definedNames>
  <calcPr calcId="152511"/>
</workbook>
</file>

<file path=xl/sharedStrings.xml><?xml version="1.0" encoding="utf-8"?>
<sst xmlns="http://schemas.openxmlformats.org/spreadsheetml/2006/main" count="1204" uniqueCount="352">
  <si>
    <t>CONSOLIDATED BALANCE SHEETS</t>
    <phoneticPr fontId="1"/>
  </si>
  <si>
    <t>CONSOLIDATED STATEMENTS OF CASH FLOWS</t>
    <phoneticPr fontId="1"/>
  </si>
  <si>
    <t>Time deposits</t>
  </si>
  <si>
    <t>LIABILITIES AND NET ASSETS</t>
    <phoneticPr fontId="1"/>
  </si>
  <si>
    <t>Other long-term liabilities</t>
  </si>
  <si>
    <t>Capital surplus</t>
  </si>
  <si>
    <t>CONSOLIDATED FINANCIAL HIGHLIGHTS</t>
    <phoneticPr fontId="1"/>
  </si>
  <si>
    <t>CONTENTS</t>
    <phoneticPr fontId="1"/>
  </si>
  <si>
    <t>Goodwill</t>
    <phoneticPr fontId="1"/>
  </si>
  <si>
    <t>FINANCIAL SUMMARY</t>
    <phoneticPr fontId="1"/>
  </si>
  <si>
    <t>2013/3</t>
  </si>
  <si>
    <t>2014/3</t>
  </si>
  <si>
    <t>Net Sales</t>
  </si>
  <si>
    <t>MJPY</t>
  </si>
  <si>
    <t>%</t>
  </si>
  <si>
    <t>Return on Equity (ROE)</t>
  </si>
  <si>
    <t>Return on Assets (ROA)</t>
  </si>
  <si>
    <t>Total Assets</t>
  </si>
  <si>
    <t>Liabilities</t>
  </si>
  <si>
    <t>Net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Net Assets per Share</t>
  </si>
  <si>
    <t>Net Income per Share</t>
  </si>
  <si>
    <t>Price Book Value Ratio (PBR)</t>
  </si>
  <si>
    <t>Price Earnings Ratio (PER)</t>
  </si>
  <si>
    <t>-</t>
  </si>
  <si>
    <t>Sales by Region</t>
  </si>
  <si>
    <t>Japan</t>
  </si>
  <si>
    <t>The Americas</t>
  </si>
  <si>
    <t>Europe</t>
  </si>
  <si>
    <t>China</t>
  </si>
  <si>
    <t>Other</t>
  </si>
  <si>
    <t>Overseas Sales Ratio</t>
  </si>
  <si>
    <t>Digital Information Equipment</t>
  </si>
  <si>
    <t>Health and Environmental Equipment</t>
  </si>
  <si>
    <t>Solar Cells</t>
  </si>
  <si>
    <t>Business Solutions</t>
  </si>
  <si>
    <t>LCDs</t>
  </si>
  <si>
    <t>Electronic Devices</t>
  </si>
  <si>
    <t>Audio-Visual and Communication Equipment</t>
  </si>
  <si>
    <t>Information Equipment</t>
  </si>
  <si>
    <t>Other Electronic Devices</t>
  </si>
  <si>
    <t>Others</t>
  </si>
  <si>
    <t>Number of Employees</t>
  </si>
  <si>
    <t/>
  </si>
  <si>
    <t>Cash Dividends per Share</t>
  </si>
  <si>
    <t>Equity Ratio</t>
    <phoneticPr fontId="1"/>
  </si>
  <si>
    <t>D/ E Ratio</t>
    <phoneticPr fontId="1"/>
  </si>
  <si>
    <t>Cash and Cash Equivalents at Beginning of Year</t>
  </si>
  <si>
    <t>Cash and Cash Equivalents at End of Year</t>
  </si>
  <si>
    <t>Effect of Exchange Rate Change on Cash and Cash Equivalents</t>
    <phoneticPr fontId="1"/>
  </si>
  <si>
    <t>(Millions of yen)</t>
    <phoneticPr fontId="1"/>
  </si>
  <si>
    <t xml:space="preserve">- </t>
  </si>
  <si>
    <t xml:space="preserve">Net Sales </t>
  </si>
  <si>
    <t>Cost of Sales</t>
  </si>
  <si>
    <t>Gross profit</t>
  </si>
  <si>
    <t>Selling, General and Administrative Expenses</t>
  </si>
  <si>
    <t>Operating income (loss)</t>
  </si>
  <si>
    <t>Other Income (Expenses) :</t>
  </si>
  <si>
    <t xml:space="preserve">Interest and dividends income </t>
  </si>
  <si>
    <t>Interest expenses</t>
  </si>
  <si>
    <t>Impairment loss</t>
  </si>
  <si>
    <t>Restructuring charges</t>
  </si>
  <si>
    <t>Settlement package</t>
  </si>
  <si>
    <t>Provision for loss on litigation</t>
  </si>
  <si>
    <t>Other, net</t>
  </si>
  <si>
    <t>Income Taxes :</t>
  </si>
  <si>
    <t>Current</t>
  </si>
  <si>
    <t>Deferred</t>
  </si>
  <si>
    <t>Current Assets :</t>
  </si>
  <si>
    <t xml:space="preserve">Cash and cash equivalents </t>
  </si>
  <si>
    <t>Restricted cash</t>
  </si>
  <si>
    <t>Notes and accounts receivable ―</t>
  </si>
  <si>
    <t>Trade</t>
  </si>
  <si>
    <t>Nonconsolidated subsidiaries and affiliates</t>
  </si>
  <si>
    <t>Allowance for doubtful receivables</t>
  </si>
  <si>
    <t>Deferred tax assets</t>
  </si>
  <si>
    <t>Other current assets</t>
  </si>
  <si>
    <t>Total current assets</t>
  </si>
  <si>
    <t>Property, Plant and Equipment, at Cost :</t>
  </si>
  <si>
    <t xml:space="preserve">Land </t>
  </si>
  <si>
    <t xml:space="preserve">Buildings and structures </t>
  </si>
  <si>
    <t>Machinery, equipment, vehicles and others</t>
  </si>
  <si>
    <t>Construction in progress</t>
  </si>
  <si>
    <t>Less accumulated depreciation</t>
  </si>
  <si>
    <t>Investments and Other Assets :</t>
  </si>
  <si>
    <t>Bond issue cost</t>
  </si>
  <si>
    <t>Other assets</t>
  </si>
  <si>
    <t>Investments in securities</t>
    <phoneticPr fontId="1"/>
  </si>
  <si>
    <t>Current Liabilities :</t>
  </si>
  <si>
    <t>Notes and accounts payable ―</t>
  </si>
  <si>
    <t>Accrued expenses</t>
  </si>
  <si>
    <t>Other current liabilities</t>
  </si>
  <si>
    <t>Total current liabilities</t>
  </si>
  <si>
    <t>Long-term Liabilities :</t>
  </si>
  <si>
    <t>Long-term debt</t>
  </si>
  <si>
    <t>Net defined benefit liability</t>
  </si>
  <si>
    <t>Net Assets :</t>
  </si>
  <si>
    <t>Less cost of treasury stock</t>
  </si>
  <si>
    <t>Total net assets</t>
  </si>
  <si>
    <t>ASSETS</t>
    <phoneticPr fontId="1"/>
  </si>
  <si>
    <t>Income taxes</t>
    <phoneticPr fontId="1"/>
  </si>
  <si>
    <t>Short-term borrowings, including current portion of long-term debt</t>
    <phoneticPr fontId="1"/>
  </si>
  <si>
    <t>Construction and other</t>
    <phoneticPr fontId="1"/>
  </si>
  <si>
    <t>Nonconsolidated subsidiaries and affiliates</t>
    <phoneticPr fontId="1"/>
  </si>
  <si>
    <t xml:space="preserve">Allowance for severance and pension benefits </t>
    <phoneticPr fontId="1"/>
  </si>
  <si>
    <t>Retained earnings (accumulated deficits)</t>
    <phoneticPr fontId="1"/>
  </si>
  <si>
    <t>Deferred gains (losses) on hedges</t>
    <phoneticPr fontId="1"/>
  </si>
  <si>
    <t>Foreign currency translation adjustments</t>
    <phoneticPr fontId="1"/>
  </si>
  <si>
    <t>Remeasurements of defined benefit plans</t>
    <phoneticPr fontId="1"/>
  </si>
  <si>
    <t>Investments in nonconsolidated subsidiaries and affiliates</t>
    <phoneticPr fontId="1"/>
  </si>
  <si>
    <t>Sharp Corporation and Consolidated Subsidiaries</t>
    <phoneticPr fontId="1"/>
  </si>
  <si>
    <t>Net Sales</t>
    <phoneticPr fontId="1"/>
  </si>
  <si>
    <t>Product Business</t>
    <phoneticPr fontId="1"/>
  </si>
  <si>
    <t>Device Business</t>
    <phoneticPr fontId="1"/>
  </si>
  <si>
    <t>Net Sales by Previous Segment</t>
    <phoneticPr fontId="1"/>
  </si>
  <si>
    <t>Segment Income (Loss) by Previous Segment</t>
    <phoneticPr fontId="1"/>
  </si>
  <si>
    <t>Electronic Components</t>
  </si>
  <si>
    <t>Consumer/Information Products</t>
  </si>
  <si>
    <t>INFORMATION BY SEGMENT</t>
  </si>
  <si>
    <t>INFORMATION BY SEGMENT</t>
    <phoneticPr fontId="1"/>
  </si>
  <si>
    <t>Sub Total</t>
    <phoneticPr fontId="1"/>
  </si>
  <si>
    <t>Total</t>
    <phoneticPr fontId="1"/>
  </si>
  <si>
    <t>FINANCIAL SUMMARY</t>
  </si>
  <si>
    <t>CONSOLIDATED BALANCE SHEETS</t>
  </si>
  <si>
    <t>CONSOLIDATED STATEMENTS OF CASH FLOWS</t>
  </si>
  <si>
    <t>Note that certain reclassifications have been made to some figures due to business reorganization, etc.</t>
  </si>
  <si>
    <t>SHARP CORPORATION</t>
    <phoneticPr fontId="1"/>
  </si>
  <si>
    <t>Thousand Shares</t>
    <phoneticPr fontId="1"/>
  </si>
  <si>
    <t>2015/3</t>
  </si>
  <si>
    <t>2015/3</t>
    <phoneticPr fontId="1"/>
  </si>
  <si>
    <t>2015/3</t>
    <phoneticPr fontId="1"/>
  </si>
  <si>
    <t>2015/3</t>
    <phoneticPr fontId="1"/>
  </si>
  <si>
    <t>-</t>
    <phoneticPr fontId="1"/>
  </si>
  <si>
    <t>-</t>
    <phoneticPr fontId="1"/>
  </si>
  <si>
    <t>-</t>
    <phoneticPr fontId="1"/>
  </si>
  <si>
    <t>Valuation reserve for inventory purchase commitments</t>
    <phoneticPr fontId="1"/>
  </si>
  <si>
    <t>Energy Solutions</t>
    <phoneticPr fontId="1"/>
  </si>
  <si>
    <t>2016/3</t>
    <phoneticPr fontId="1"/>
  </si>
  <si>
    <t>2016/3</t>
    <phoneticPr fontId="1"/>
  </si>
  <si>
    <t>2016/3</t>
    <phoneticPr fontId="1"/>
  </si>
  <si>
    <t>2016/3</t>
    <phoneticPr fontId="1"/>
  </si>
  <si>
    <t>Consolidated Balance Sheets</t>
    <phoneticPr fontId="1"/>
  </si>
  <si>
    <t>Consolidated Statements of Cash Flows</t>
    <phoneticPr fontId="1"/>
  </si>
  <si>
    <t>-</t>
    <phoneticPr fontId="1"/>
  </si>
  <si>
    <t>Display Devices</t>
  </si>
  <si>
    <t>Display Devices</t>
    <phoneticPr fontId="1"/>
  </si>
  <si>
    <t>Consumer Electronics</t>
  </si>
  <si>
    <t>Consumer Electronics</t>
    <phoneticPr fontId="1"/>
  </si>
  <si>
    <t>Electronic Components and Devices</t>
  </si>
  <si>
    <t>Electronic Components and Devices</t>
    <phoneticPr fontId="1"/>
  </si>
  <si>
    <t>Energy Solutions</t>
  </si>
  <si>
    <t>2016/3</t>
    <phoneticPr fontId="1"/>
  </si>
  <si>
    <t xml:space="preserve">Segment Income (Loss) </t>
    <phoneticPr fontId="1"/>
  </si>
  <si>
    <t>2016/3</t>
    <phoneticPr fontId="1"/>
  </si>
  <si>
    <t>2016/3</t>
    <phoneticPr fontId="1"/>
  </si>
  <si>
    <t>-</t>
    <phoneticPr fontId="1"/>
  </si>
  <si>
    <t>Restricted withdrawals and restricted cash</t>
    <phoneticPr fontId="1"/>
  </si>
  <si>
    <t>Non-controlling interests</t>
    <phoneticPr fontId="1"/>
  </si>
  <si>
    <t>Income (loss) before income taxes</t>
    <phoneticPr fontId="1"/>
  </si>
  <si>
    <t>Profit attributable to non-controlling interests</t>
    <phoneticPr fontId="1"/>
  </si>
  <si>
    <t>2016/3</t>
    <phoneticPr fontId="1"/>
  </si>
  <si>
    <t>Capital stock</t>
    <phoneticPr fontId="1"/>
  </si>
  <si>
    <t>Net unrealized holding gains on securities</t>
    <phoneticPr fontId="1"/>
  </si>
  <si>
    <t>Adjustments</t>
    <phoneticPr fontId="1"/>
  </si>
  <si>
    <t>Profit (loss) attributable to owners of parent</t>
    <phoneticPr fontId="1"/>
  </si>
  <si>
    <t>Sales by Segment (Sales to Outside Customers)</t>
    <phoneticPr fontId="1"/>
  </si>
  <si>
    <t>Total</t>
    <phoneticPr fontId="1"/>
  </si>
  <si>
    <t>Product Business</t>
    <phoneticPr fontId="1"/>
  </si>
  <si>
    <t>-</t>
    <phoneticPr fontId="1"/>
  </si>
  <si>
    <t>Device Business</t>
    <phoneticPr fontId="1"/>
  </si>
  <si>
    <t>Consumer/Information Products</t>
    <phoneticPr fontId="1"/>
  </si>
  <si>
    <t>Electronic Components</t>
    <phoneticPr fontId="1"/>
  </si>
  <si>
    <t>Total</t>
    <phoneticPr fontId="1"/>
  </si>
  <si>
    <t>Effective for the year ended March 31, 2014, the segment classification has been changed. In this regard, Sales by Segment for the year ended March 31, 2013, has been restated based on a new classification.</t>
    <phoneticPr fontId="1"/>
  </si>
  <si>
    <t>Effective from the year ended March 2015, the "Solar Cells" product group was renamed as "Energy Solutions."</t>
    <phoneticPr fontId="1"/>
  </si>
  <si>
    <t>Effective for the year ended March 31, 2016, the segment classification has been changed. In this regard, Sales by Segment for the year ended March 31, 2015, has been restated based on a new classification.</t>
    <phoneticPr fontId="1"/>
  </si>
  <si>
    <t>The figures indicate sales to outside customers.</t>
    <phoneticPr fontId="1"/>
  </si>
  <si>
    <t>Sales are classified according to regions or countries where customers are located.</t>
    <phoneticPr fontId="1"/>
  </si>
  <si>
    <t>Number of Shares Outstanding (at the end of March) : Excluding Treasury Stock</t>
    <phoneticPr fontId="1"/>
  </si>
  <si>
    <t>Net Assets per Share: Equity / Number of Shares Outstanding</t>
    <phoneticPr fontId="1"/>
  </si>
  <si>
    <t>Net Income per Share: Profit (Loss) Attributable to Owners of Parent / Average Number of Shares Outstanding</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Return on Equity (ROE): Profit (Loss) Attributable to Owners of Parent / Average Equity </t>
    <phoneticPr fontId="1"/>
  </si>
  <si>
    <t>Return on Assets (ROA): Profit (Loss) Attributable to Owners of Parent / Average Total Assets</t>
    <phoneticPr fontId="1"/>
  </si>
  <si>
    <t xml:space="preserve">Net Income (Loss) </t>
    <phoneticPr fontId="1"/>
  </si>
  <si>
    <r>
      <t>Number of Shares Outstanding
 (common shares, at the end of March)</t>
    </r>
    <r>
      <rPr>
        <sz val="9"/>
        <color theme="1"/>
        <rFont val="Calibri"/>
        <family val="2"/>
      </rPr>
      <t xml:space="preserve"> </t>
    </r>
    <phoneticPr fontId="1"/>
  </si>
  <si>
    <t>Common Share Price (at the end of March)</t>
    <phoneticPr fontId="1"/>
  </si>
  <si>
    <t>Price Book Value Ratio (PBR): Common Share Price (at the end of March) / Net Assets per Share</t>
    <phoneticPr fontId="1"/>
  </si>
  <si>
    <t>Price Earnings Ratio (PER): Common Share Price (at the end of March) / Net Income per Share</t>
    <phoneticPr fontId="1"/>
  </si>
  <si>
    <t>2013       -       2017</t>
    <phoneticPr fontId="1"/>
  </si>
  <si>
    <r>
      <t xml:space="preserve">(2012/4-2013/3)  </t>
    </r>
    <r>
      <rPr>
        <sz val="12"/>
        <rFont val="ＭＳ Ｐゴシック"/>
        <family val="3"/>
        <charset val="128"/>
      </rPr>
      <t>　</t>
    </r>
    <r>
      <rPr>
        <sz val="12"/>
        <rFont val="Calibri"/>
        <family val="2"/>
      </rPr>
      <t>(2016/4-2017/3)</t>
    </r>
    <phoneticPr fontId="1"/>
  </si>
  <si>
    <t>2017/3</t>
    <phoneticPr fontId="1"/>
  </si>
  <si>
    <t>2017/3</t>
    <phoneticPr fontId="1"/>
  </si>
  <si>
    <t>2017/3</t>
    <phoneticPr fontId="1"/>
  </si>
  <si>
    <t>2017/3</t>
    <phoneticPr fontId="1"/>
  </si>
  <si>
    <t>-</t>
    <phoneticPr fontId="1"/>
  </si>
  <si>
    <t>-</t>
    <phoneticPr fontId="1"/>
  </si>
  <si>
    <t>-</t>
    <phoneticPr fontId="1"/>
  </si>
  <si>
    <t>-</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Effective for the year ended March 31, 2017, the segment classification has been changed. In this regard, Sales by Segment for the year ended March 31, 2016, has been restated based on a new classification.</t>
    <phoneticPr fontId="1"/>
  </si>
  <si>
    <t>-</t>
    <phoneticPr fontId="1"/>
  </si>
  <si>
    <t>-</t>
    <phoneticPr fontId="1"/>
  </si>
  <si>
    <t>-</t>
    <phoneticPr fontId="1"/>
  </si>
  <si>
    <t>Notes and accounts receivable ― trade</t>
    <phoneticPr fontId="1"/>
  </si>
  <si>
    <t>Others</t>
    <phoneticPr fontId="1"/>
  </si>
  <si>
    <t>Allowance for doubtful accounts</t>
    <phoneticPr fontId="1"/>
  </si>
  <si>
    <t>Non-current assets</t>
    <phoneticPr fontId="1"/>
  </si>
  <si>
    <t>Property, Plant and Equipment</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Total intangible assets</t>
    <phoneticPr fontId="1"/>
  </si>
  <si>
    <t>Intangible assets</t>
    <phoneticPr fontId="1"/>
  </si>
  <si>
    <t>Investments and other assets</t>
    <phoneticPr fontId="1"/>
  </si>
  <si>
    <t>Investments securities</t>
    <phoneticPr fontId="1"/>
  </si>
  <si>
    <t>Net defined benefit asset</t>
    <phoneticPr fontId="1"/>
  </si>
  <si>
    <t>Other</t>
    <phoneticPr fontId="1"/>
  </si>
  <si>
    <t>Total investments and other assets</t>
    <phoneticPr fontId="1"/>
  </si>
  <si>
    <t>Total Non-current assets</t>
    <phoneticPr fontId="1"/>
  </si>
  <si>
    <t>Deferred assets</t>
    <phoneticPr fontId="1"/>
  </si>
  <si>
    <t>Total assets</t>
    <phoneticPr fontId="1"/>
  </si>
  <si>
    <t>LIABILITIES</t>
    <phoneticPr fontId="1"/>
  </si>
  <si>
    <t>Current Liabilities</t>
    <phoneticPr fontId="1"/>
  </si>
  <si>
    <t>Notes and accounts payable ― trade</t>
    <phoneticPr fontId="1"/>
  </si>
  <si>
    <t>Electronically recorded obligations ― operating</t>
    <phoneticPr fontId="1"/>
  </si>
  <si>
    <t>Short-term loans payable</t>
    <phoneticPr fontId="1"/>
  </si>
  <si>
    <t>Current portion of bonds</t>
    <phoneticPr fontId="1"/>
  </si>
  <si>
    <t>Accrued expenses</t>
    <phoneticPr fontId="1"/>
  </si>
  <si>
    <t>Provision for bonuses</t>
    <phoneticPr fontId="1"/>
  </si>
  <si>
    <t>Provision for product warranties</t>
    <phoneticPr fontId="1"/>
  </si>
  <si>
    <t>Provision for sales promotion expenses</t>
    <phoneticPr fontId="1"/>
  </si>
  <si>
    <t>Provision for restructuring</t>
    <phoneticPr fontId="1"/>
  </si>
  <si>
    <t>Non-current Liabilities</t>
    <phoneticPr fontId="1"/>
  </si>
  <si>
    <t>Bonds payable</t>
    <phoneticPr fontId="1"/>
  </si>
  <si>
    <t>Long-term loan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Total liabilities and net assets</t>
    <phoneticPr fontId="1"/>
  </si>
  <si>
    <t>-</t>
    <phoneticPr fontId="1"/>
  </si>
  <si>
    <t>-</t>
    <phoneticPr fontId="1"/>
  </si>
  <si>
    <t>-</t>
    <phoneticPr fontId="1"/>
  </si>
  <si>
    <t>-</t>
    <phoneticPr fontId="1"/>
  </si>
  <si>
    <t>Net Cash Provided by (Used in) Operating Activities</t>
    <phoneticPr fontId="1"/>
  </si>
  <si>
    <t>Net Cash Provided by (Used in) Investing Activities</t>
    <phoneticPr fontId="1"/>
  </si>
  <si>
    <t>Net Cash Provided by (Used in) Financing Activities</t>
    <phoneticPr fontId="1"/>
  </si>
  <si>
    <t>Net Increase (Decrease) in Cash and Cash Equivalents</t>
    <phoneticPr fontId="1"/>
  </si>
  <si>
    <t>Increase (Decrease) in Cash and Cash Equivalents Resulting from Change of Scope of Consolidation</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t>
    <phoneticPr fontId="1"/>
  </si>
  <si>
    <t>Non-operating Income</t>
    <phoneticPr fontId="1"/>
  </si>
  <si>
    <t>Foreign exchange gains</t>
    <phoneticPr fontId="1"/>
  </si>
  <si>
    <t>Share of profit of entities accounted for using equity method</t>
    <phoneticPr fontId="1"/>
  </si>
  <si>
    <t>Other</t>
    <phoneticPr fontId="1"/>
  </si>
  <si>
    <t>Foreign exchange losses</t>
    <phoneticPr fontId="1"/>
  </si>
  <si>
    <t>Share of loss of entities accounted for using equity method</t>
    <phoneticPr fontId="1"/>
  </si>
  <si>
    <t>Ordinary profit (loss)</t>
    <phoneticPr fontId="1"/>
  </si>
  <si>
    <t>Extraordinary Income</t>
    <phoneticPr fontId="1"/>
  </si>
  <si>
    <t>Gain on sales of non-current assets</t>
    <phoneticPr fontId="1"/>
  </si>
  <si>
    <t>Gain on sales of investment securities</t>
    <phoneticPr fontId="1"/>
  </si>
  <si>
    <t>Settlement received</t>
    <phoneticPr fontId="1"/>
  </si>
  <si>
    <t>Extraordinary Losses</t>
    <phoneticPr fontId="1"/>
  </si>
  <si>
    <t>Loss on sale and retirement of non-current assets</t>
    <phoneticPr fontId="1"/>
  </si>
  <si>
    <t>Impairment loss</t>
    <phoneticPr fontId="1"/>
  </si>
  <si>
    <t>Restructuring charges</t>
    <phoneticPr fontId="1"/>
  </si>
  <si>
    <t>Total extraordinary losses</t>
    <phoneticPr fontId="1"/>
  </si>
  <si>
    <t>Loss before income taxes</t>
    <phoneticPr fontId="1"/>
  </si>
  <si>
    <t>-</t>
    <phoneticPr fontId="1"/>
  </si>
  <si>
    <t>-</t>
    <phoneticPr fontId="1"/>
  </si>
  <si>
    <t>-</t>
    <phoneticPr fontId="1"/>
  </si>
  <si>
    <t>-</t>
    <phoneticPr fontId="1"/>
  </si>
  <si>
    <t xml:space="preserve">Interest income </t>
    <phoneticPr fontId="1"/>
  </si>
  <si>
    <t>Rental income on non-current assets</t>
    <phoneticPr fontId="1"/>
  </si>
  <si>
    <t>Reversal of provision for loss on litigation</t>
    <phoneticPr fontId="1"/>
  </si>
  <si>
    <t>Loss on valuation of investment securities</t>
    <phoneticPr fontId="1"/>
  </si>
  <si>
    <t>Provision for loss on litigation</t>
    <phoneticPr fontId="1"/>
  </si>
  <si>
    <t>Loss on liquidation of subsidiaries and associates</t>
    <phoneticPr fontId="1"/>
  </si>
  <si>
    <t>-</t>
    <phoneticPr fontId="1"/>
  </si>
  <si>
    <t>Operating profit (loss)</t>
    <phoneticPr fontId="1"/>
  </si>
  <si>
    <t>Loss attributable to owners of parent</t>
    <phoneticPr fontId="1"/>
  </si>
  <si>
    <t xml:space="preserve">Loss </t>
    <phoneticPr fontId="1"/>
  </si>
  <si>
    <t>CONSOLIDATED STATEMENTS OF OPERATIONS</t>
    <phoneticPr fontId="1"/>
  </si>
  <si>
    <t>Consolidated Statements of Operations</t>
    <phoneticPr fontId="1"/>
  </si>
  <si>
    <t>Operating Profit</t>
    <phoneticPr fontId="1"/>
  </si>
  <si>
    <t>Operating Profit Margin</t>
    <phoneticPr fontId="1"/>
  </si>
  <si>
    <t>Net Sales by Previous Segment</t>
  </si>
  <si>
    <t>Segment Income (Loss) by Previous Segment</t>
  </si>
  <si>
    <t xml:space="preserve">Cash and deposits </t>
    <phoneticPr fontId="1"/>
  </si>
  <si>
    <t>Machinery, equipment, and vehicles</t>
    <phoneticPr fontId="1"/>
  </si>
  <si>
    <t xml:space="preserve">Dividend income </t>
    <phoneticPr fontId="1"/>
  </si>
  <si>
    <t>Gain on change in equity</t>
    <phoneticPr fontId="1"/>
  </si>
  <si>
    <t>Free Cash Flows: Cash Flows from Operation Activities + Cash Flows from Investing Activities</t>
  </si>
  <si>
    <t>Deferred tax liabilities</t>
  </si>
  <si>
    <t>Pension liability adjustment of foreign subsidiaries</t>
  </si>
  <si>
    <t>Non-operating Expenses</t>
  </si>
  <si>
    <t>Total non-operating expenses</t>
    <phoneticPr fontId="1"/>
  </si>
  <si>
    <t>Total non-operating Income</t>
    <phoneticPr fontId="1"/>
  </si>
  <si>
    <t>Profit (Loss) Attributable to Owners of Parent</t>
    <phoneticPr fontId="1"/>
  </si>
  <si>
    <t>Profit Margin</t>
    <phoneticPr fontId="1"/>
  </si>
  <si>
    <t xml:space="preserve">Profit Margin: Profit (Loss) Attributable to Owners of Parent / Net Sales </t>
    <phoneticPr fontId="1"/>
  </si>
  <si>
    <t xml:space="preserve">Effective from the year ended March 31, 2016, by the adopt of the virtual company system the reportable segments have been changed to five classifications; Consumer Electronics, Energy Solutions, Business Solutions, Electronic Components and Devices, Display Devices. </t>
    <phoneticPr fontId="1"/>
  </si>
  <si>
    <t xml:space="preserve">Effective from the year ended March 31, 2017, the reportable segments have been changed to seven classifications; IoT Communications, Health and Environment Systems, Business Solutions, Camera Modules, Electronic Components and Devices, Energy Solutions, Display Devices.  </t>
    <phoneticPr fontId="1"/>
  </si>
  <si>
    <t>Effective from the year ended March 31, 2014, Consumer/Information Products have been changed to Product Business and Electronic Components have been changed to Device Business. Solar Cells, which was previously included in Electronic Components, is included in Product Business.</t>
    <phoneticPr fontId="1"/>
  </si>
  <si>
    <t>Total extraordinary income</t>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s>
  <fonts count="27"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9"/>
      <name val="Calibri"/>
      <family val="2"/>
    </font>
  </fonts>
  <fills count="2">
    <fill>
      <patternFill patternType="none"/>
    </fill>
    <fill>
      <patternFill patternType="gray125"/>
    </fill>
  </fills>
  <borders count="32">
    <border>
      <left/>
      <right/>
      <top/>
      <bottom/>
      <diagonal/>
    </border>
    <border>
      <left/>
      <right/>
      <top/>
      <bottom style="thin">
        <color indexed="64"/>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style="thin">
        <color indexed="64"/>
      </left>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8"/>
      </top>
      <bottom style="thin">
        <color indexed="8"/>
      </bottom>
      <diagonal/>
    </border>
    <border>
      <left style="thin">
        <color indexed="8"/>
      </left>
      <right/>
      <top style="thin">
        <color indexed="64"/>
      </top>
      <bottom/>
      <diagonal/>
    </border>
    <border>
      <left/>
      <right style="thin">
        <color indexed="8"/>
      </right>
      <top style="thin">
        <color indexed="64"/>
      </top>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style="thin">
        <color indexed="64"/>
      </top>
      <bottom style="thin">
        <color indexed="64"/>
      </bottom>
      <diagonal/>
    </border>
    <border>
      <left style="thin">
        <color indexed="8"/>
      </left>
      <right/>
      <top/>
      <bottom style="thin">
        <color indexed="8"/>
      </bottom>
      <diagonal/>
    </border>
    <border>
      <left/>
      <right/>
      <top/>
      <bottom style="thin">
        <color indexed="8"/>
      </bottom>
      <diagonal/>
    </border>
    <border>
      <left/>
      <right style="thin">
        <color indexed="8"/>
      </right>
      <top/>
      <bottom style="thin">
        <color indexed="8"/>
      </bottom>
      <diagonal/>
    </border>
    <border>
      <left/>
      <right style="thin">
        <color indexed="8"/>
      </right>
      <top style="thin">
        <color indexed="64"/>
      </top>
      <bottom style="thin">
        <color indexed="8"/>
      </bottom>
      <diagonal/>
    </border>
    <border>
      <left style="thin">
        <color indexed="64"/>
      </left>
      <right/>
      <top style="thin">
        <color indexed="64"/>
      </top>
      <bottom style="thin">
        <color indexed="64"/>
      </bottom>
      <diagonal/>
    </border>
  </borders>
  <cellStyleXfs count="4">
    <xf numFmtId="0" fontId="0" fillId="0" borderId="0"/>
    <xf numFmtId="0" fontId="8" fillId="0" borderId="0"/>
    <xf numFmtId="0" fontId="8" fillId="0" borderId="0"/>
    <xf numFmtId="0" fontId="8" fillId="0" borderId="0"/>
  </cellStyleXfs>
  <cellXfs count="177">
    <xf numFmtId="0" fontId="0" fillId="0" borderId="0" xfId="0"/>
    <xf numFmtId="0" fontId="9" fillId="0" borderId="0" xfId="1" applyFont="1" applyFill="1"/>
    <xf numFmtId="0" fontId="9" fillId="0" borderId="2" xfId="1" applyFont="1" applyFill="1" applyBorder="1"/>
    <xf numFmtId="0" fontId="10" fillId="0" borderId="3" xfId="1" applyFont="1" applyFill="1" applyBorder="1" applyAlignment="1">
      <alignment horizontal="left" vertical="top" wrapText="1" indent="1"/>
    </xf>
    <xf numFmtId="0" fontId="9" fillId="0" borderId="4" xfId="1" applyFont="1" applyFill="1" applyBorder="1"/>
    <xf numFmtId="49" fontId="14" fillId="0" borderId="0" xfId="1" applyNumberFormat="1" applyFont="1" applyFill="1" applyAlignment="1">
      <alignment horizontal="left" vertical="top"/>
    </xf>
    <xf numFmtId="0" fontId="9" fillId="0" borderId="0" xfId="1" applyFont="1" applyFill="1" applyBorder="1"/>
    <xf numFmtId="0" fontId="10" fillId="0" borderId="6" xfId="1" applyFont="1" applyFill="1" applyBorder="1" applyAlignment="1">
      <alignment horizontal="left" vertical="top" wrapText="1" indent="1"/>
    </xf>
    <xf numFmtId="0" fontId="10" fillId="0" borderId="7" xfId="1" applyFont="1" applyFill="1" applyBorder="1" applyAlignment="1">
      <alignment horizontal="left" vertical="top" wrapText="1" indent="1"/>
    </xf>
    <xf numFmtId="49" fontId="11" fillId="0" borderId="7" xfId="1" applyNumberFormat="1" applyFont="1" applyFill="1" applyBorder="1" applyAlignment="1">
      <alignment horizontal="right" vertical="top" indent="1"/>
    </xf>
    <xf numFmtId="49" fontId="11" fillId="0" borderId="8"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0" fontId="12" fillId="0" borderId="0" xfId="1" applyFont="1" applyFill="1" applyAlignment="1">
      <alignment horizontal="right"/>
    </xf>
    <xf numFmtId="49" fontId="12" fillId="0" borderId="9"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176" fontId="12" fillId="0" borderId="10" xfId="1" applyNumberFormat="1" applyFont="1" applyFill="1" applyBorder="1" applyAlignment="1">
      <alignment horizontal="right" vertical="center" indent="1"/>
    </xf>
    <xf numFmtId="49" fontId="11" fillId="0" borderId="7"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9" xfId="1" applyNumberFormat="1" applyFont="1" applyFill="1" applyBorder="1" applyAlignment="1">
      <alignment horizontal="left" vertical="center" wrapText="1" indent="1"/>
    </xf>
    <xf numFmtId="49" fontId="12" fillId="0" borderId="9" xfId="1" applyNumberFormat="1" applyFont="1" applyFill="1" applyBorder="1" applyAlignment="1">
      <alignment horizontal="left" vertical="center" wrapText="1" indent="2"/>
    </xf>
    <xf numFmtId="49" fontId="15" fillId="0" borderId="9" xfId="1" applyNumberFormat="1" applyFont="1" applyFill="1" applyBorder="1" applyAlignment="1">
      <alignment horizontal="left" vertical="top" wrapText="1" indent="1"/>
    </xf>
    <xf numFmtId="49" fontId="12" fillId="0" borderId="9" xfId="1" applyNumberFormat="1" applyFont="1" applyFill="1" applyBorder="1" applyAlignment="1">
      <alignment horizontal="left" vertical="top" wrapText="1" indent="4"/>
    </xf>
    <xf numFmtId="0" fontId="9" fillId="0" borderId="9" xfId="1" applyFont="1" applyFill="1" applyBorder="1"/>
    <xf numFmtId="0" fontId="9" fillId="0" borderId="11" xfId="1" applyFont="1" applyFill="1" applyBorder="1"/>
    <xf numFmtId="176" fontId="12" fillId="0" borderId="12" xfId="1" applyNumberFormat="1" applyFont="1" applyFill="1" applyBorder="1" applyAlignment="1">
      <alignment horizontal="right" vertical="center" indent="1"/>
    </xf>
    <xf numFmtId="176" fontId="12" fillId="0" borderId="13"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top" indent="1"/>
    </xf>
    <xf numFmtId="49" fontId="11" fillId="0" borderId="16" xfId="1" applyNumberFormat="1" applyFont="1" applyFill="1" applyBorder="1" applyAlignment="1">
      <alignment horizontal="right" vertical="top" indent="1"/>
    </xf>
    <xf numFmtId="0" fontId="10" fillId="0" borderId="17" xfId="1" applyFont="1" applyFill="1" applyBorder="1" applyAlignment="1">
      <alignment horizontal="left" vertical="top" wrapText="1"/>
    </xf>
    <xf numFmtId="0" fontId="10" fillId="0" borderId="14" xfId="1" applyFont="1" applyFill="1" applyBorder="1" applyAlignment="1">
      <alignment horizontal="left" vertical="top" wrapText="1"/>
    </xf>
    <xf numFmtId="49" fontId="15" fillId="0" borderId="11"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2"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8" xfId="1" applyNumberFormat="1" applyFont="1" applyFill="1" applyBorder="1" applyAlignment="1">
      <alignment horizontal="right" vertical="center" indent="1"/>
    </xf>
    <xf numFmtId="177" fontId="12" fillId="0" borderId="5" xfId="1" applyNumberFormat="1" applyFont="1" applyFill="1" applyBorder="1" applyAlignment="1">
      <alignment horizontal="right" vertical="center" indent="1"/>
    </xf>
    <xf numFmtId="177" fontId="12" fillId="0" borderId="7"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2" xfId="1" applyFont="1" applyFill="1" applyBorder="1" applyAlignment="1">
      <alignment horizontal="center" vertical="top"/>
    </xf>
    <xf numFmtId="177" fontId="12" fillId="0" borderId="12" xfId="1" applyNumberFormat="1" applyFont="1" applyFill="1" applyBorder="1" applyAlignment="1">
      <alignment horizontal="right" vertical="top" indent="1"/>
    </xf>
    <xf numFmtId="49" fontId="11" fillId="0" borderId="3" xfId="1" applyNumberFormat="1" applyFont="1" applyFill="1" applyBorder="1" applyAlignment="1">
      <alignment horizontal="right" vertical="center" indent="1"/>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9" xfId="0" applyFont="1" applyBorder="1" applyAlignment="1">
      <alignment horizontal="center" vertical="center"/>
    </xf>
    <xf numFmtId="0" fontId="5" fillId="0" borderId="0" xfId="0" applyFont="1" applyBorder="1" applyAlignment="1">
      <alignment horizontal="center" vertical="center"/>
    </xf>
    <xf numFmtId="0" fontId="5" fillId="0" borderId="10" xfId="0" applyFont="1" applyBorder="1" applyAlignment="1">
      <alignment horizontal="center" vertical="center"/>
    </xf>
    <xf numFmtId="0" fontId="6" fillId="0" borderId="0" xfId="0" applyFont="1" applyBorder="1" applyAlignment="1">
      <alignment horizontal="centerContinuous" vertical="center"/>
    </xf>
    <xf numFmtId="0" fontId="5" fillId="0" borderId="11"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5"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10" xfId="0" applyFont="1" applyBorder="1" applyAlignment="1">
      <alignment vertical="center"/>
    </xf>
    <xf numFmtId="0" fontId="5" fillId="0" borderId="9" xfId="0" applyFont="1" applyBorder="1" applyAlignment="1">
      <alignment horizontal="left" vertical="center" indent="2"/>
    </xf>
    <xf numFmtId="0" fontId="4" fillId="0" borderId="0" xfId="0" applyFont="1" applyBorder="1" applyAlignment="1">
      <alignment horizontal="center" vertical="center"/>
    </xf>
    <xf numFmtId="0" fontId="20" fillId="0" borderId="2" xfId="1" applyFont="1" applyFill="1" applyBorder="1"/>
    <xf numFmtId="0" fontId="17" fillId="0" borderId="3" xfId="1" applyFont="1" applyFill="1" applyBorder="1" applyAlignment="1">
      <alignment horizontal="left" vertical="top" wrapText="1" indent="1"/>
    </xf>
    <xf numFmtId="49" fontId="21" fillId="0" borderId="3" xfId="1" applyNumberFormat="1" applyFont="1" applyFill="1" applyBorder="1" applyAlignment="1">
      <alignment horizontal="right" vertical="top" indent="1"/>
    </xf>
    <xf numFmtId="0" fontId="20" fillId="0" borderId="4" xfId="1" applyFont="1" applyFill="1" applyBorder="1"/>
    <xf numFmtId="0" fontId="20" fillId="0" borderId="0" xfId="1" applyFont="1" applyFill="1"/>
    <xf numFmtId="0" fontId="22" fillId="0" borderId="0" xfId="1" applyFont="1" applyFill="1"/>
    <xf numFmtId="49" fontId="12" fillId="0" borderId="9" xfId="1" applyNumberFormat="1" applyFont="1" applyFill="1" applyBorder="1" applyAlignment="1">
      <alignment horizontal="left" vertical="top" wrapText="1" indent="2"/>
    </xf>
    <xf numFmtId="49" fontId="12" fillId="0" borderId="9" xfId="1" applyNumberFormat="1" applyFont="1" applyFill="1" applyBorder="1" applyAlignment="1">
      <alignment horizontal="left" vertical="top" wrapText="1" indent="3"/>
    </xf>
    <xf numFmtId="49" fontId="12" fillId="0" borderId="4" xfId="1" applyNumberFormat="1" applyFont="1" applyFill="1" applyBorder="1" applyAlignment="1">
      <alignment horizontal="left" vertical="top" wrapText="1" indent="1"/>
    </xf>
    <xf numFmtId="0" fontId="10" fillId="0" borderId="5" xfId="1" applyFont="1" applyFill="1" applyBorder="1" applyAlignment="1">
      <alignment horizontal="left" vertical="top" wrapText="1"/>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2" xfId="1" applyFont="1" applyFill="1" applyBorder="1" applyAlignment="1">
      <alignment horizontal="left" vertical="top" wrapText="1"/>
    </xf>
    <xf numFmtId="0" fontId="11" fillId="0" borderId="23" xfId="1" applyFont="1" applyFill="1" applyBorder="1" applyAlignment="1">
      <alignment horizontal="left" vertical="top" wrapText="1" indent="1"/>
    </xf>
    <xf numFmtId="49" fontId="11" fillId="0" borderId="24" xfId="1" applyNumberFormat="1" applyFont="1" applyFill="1" applyBorder="1" applyAlignment="1">
      <alignment horizontal="right" vertical="center" indent="1"/>
    </xf>
    <xf numFmtId="49" fontId="17" fillId="0" borderId="4" xfId="1" applyNumberFormat="1" applyFont="1" applyFill="1" applyBorder="1" applyAlignment="1">
      <alignment horizontal="left" vertical="center" indent="1"/>
    </xf>
    <xf numFmtId="177" fontId="9" fillId="0" borderId="0" xfId="1" applyNumberFormat="1" applyFont="1" applyFill="1" applyBorder="1"/>
    <xf numFmtId="177" fontId="9" fillId="0" borderId="25" xfId="1" applyNumberFormat="1" applyFont="1" applyFill="1" applyBorder="1"/>
    <xf numFmtId="49" fontId="12" fillId="0" borderId="4" xfId="1" applyNumberFormat="1" applyFont="1" applyFill="1" applyBorder="1" applyAlignment="1">
      <alignment horizontal="left" vertical="center" wrapText="1" indent="2"/>
    </xf>
    <xf numFmtId="177" fontId="12" fillId="0" borderId="2" xfId="1" applyNumberFormat="1" applyFont="1" applyFill="1" applyBorder="1" applyAlignment="1">
      <alignment horizontal="right" vertical="center" indent="1"/>
    </xf>
    <xf numFmtId="177" fontId="12" fillId="0" borderId="26" xfId="1" applyNumberFormat="1" applyFont="1" applyFill="1" applyBorder="1" applyAlignment="1">
      <alignment horizontal="right" vertical="center" indent="1"/>
    </xf>
    <xf numFmtId="177" fontId="12" fillId="0" borderId="22"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top" indent="1"/>
    </xf>
    <xf numFmtId="49" fontId="17" fillId="0" borderId="21" xfId="1" applyNumberFormat="1" applyFont="1" applyFill="1" applyBorder="1" applyAlignment="1">
      <alignment horizontal="left" vertical="center" indent="1"/>
    </xf>
    <xf numFmtId="177" fontId="12" fillId="0" borderId="22" xfId="1" applyNumberFormat="1" applyFont="1" applyFill="1" applyBorder="1" applyAlignment="1">
      <alignment horizontal="right" vertical="top" indent="1"/>
    </xf>
    <xf numFmtId="49" fontId="12" fillId="0" borderId="27" xfId="1" applyNumberFormat="1" applyFont="1" applyFill="1" applyBorder="1" applyAlignment="1">
      <alignment horizontal="left" vertical="center" wrapText="1" indent="2"/>
    </xf>
    <xf numFmtId="0" fontId="12" fillId="0" borderId="28" xfId="1" applyFont="1" applyFill="1" applyBorder="1" applyAlignment="1">
      <alignment horizontal="center" vertical="top"/>
    </xf>
    <xf numFmtId="177" fontId="12" fillId="0" borderId="28" xfId="1" applyNumberFormat="1" applyFont="1" applyFill="1" applyBorder="1" applyAlignment="1">
      <alignment horizontal="right" vertical="center" indent="1"/>
    </xf>
    <xf numFmtId="177" fontId="12" fillId="0" borderId="29" xfId="1" applyNumberFormat="1" applyFont="1" applyFill="1" applyBorder="1" applyAlignment="1">
      <alignment horizontal="right" vertical="center" indent="1"/>
    </xf>
    <xf numFmtId="0" fontId="25" fillId="0" borderId="0" xfId="1" applyFont="1" applyFill="1" applyAlignment="1">
      <alignment horizontal="left" vertical="top"/>
    </xf>
    <xf numFmtId="0" fontId="25" fillId="0" borderId="0" xfId="1" applyFont="1" applyFill="1" applyBorder="1" applyAlignment="1">
      <alignment horizontal="left" vertical="top"/>
    </xf>
    <xf numFmtId="0" fontId="15" fillId="0" borderId="23" xfId="1" applyFont="1" applyFill="1" applyBorder="1" applyAlignment="1">
      <alignment horizontal="left" vertical="top" wrapText="1" indent="1"/>
    </xf>
    <xf numFmtId="178" fontId="12" fillId="0" borderId="0" xfId="1" applyNumberFormat="1" applyFont="1" applyFill="1" applyBorder="1" applyAlignment="1">
      <alignment horizontal="right" vertical="top" indent="1"/>
    </xf>
    <xf numFmtId="49" fontId="12" fillId="0" borderId="27" xfId="1" applyNumberFormat="1" applyFont="1" applyFill="1" applyBorder="1" applyAlignment="1">
      <alignment horizontal="left" vertical="top" wrapText="1" indent="1"/>
    </xf>
    <xf numFmtId="178" fontId="12" fillId="0" borderId="28" xfId="1" applyNumberFormat="1" applyFont="1" applyFill="1" applyBorder="1" applyAlignment="1">
      <alignment horizontal="right" vertical="top" indent="1"/>
    </xf>
    <xf numFmtId="0" fontId="20" fillId="0" borderId="0" xfId="1" applyFont="1" applyFill="1" applyBorder="1"/>
    <xf numFmtId="0" fontId="15" fillId="0" borderId="6" xfId="1" applyFont="1" applyFill="1" applyBorder="1" applyAlignment="1">
      <alignment horizontal="left" vertical="top" wrapText="1" indent="1"/>
    </xf>
    <xf numFmtId="0" fontId="17" fillId="0" borderId="7" xfId="1" applyFont="1" applyFill="1" applyBorder="1" applyAlignment="1">
      <alignment horizontal="left" vertical="top" wrapText="1" indent="1"/>
    </xf>
    <xf numFmtId="49" fontId="21" fillId="0" borderId="7"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79" fontId="12" fillId="0" borderId="1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11" xfId="1" applyNumberFormat="1" applyFont="1" applyFill="1" applyBorder="1" applyAlignment="1">
      <alignment horizontal="left" vertical="top" wrapText="1" indent="1"/>
    </xf>
    <xf numFmtId="180" fontId="12" fillId="0" borderId="1" xfId="1" applyNumberFormat="1" applyFont="1" applyFill="1" applyBorder="1" applyAlignment="1">
      <alignment horizontal="right" vertical="top" indent="1"/>
    </xf>
    <xf numFmtId="177" fontId="12" fillId="0" borderId="1" xfId="1" applyNumberFormat="1" applyFont="1" applyFill="1" applyBorder="1" applyAlignment="1">
      <alignment horizontal="right" vertical="top"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79" fontId="12" fillId="0" borderId="15"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49" fontId="12" fillId="0" borderId="11" xfId="1" applyNumberFormat="1" applyFont="1" applyFill="1" applyBorder="1" applyAlignment="1">
      <alignment horizontal="left" vertical="top" wrapText="1" indent="2"/>
    </xf>
    <xf numFmtId="0" fontId="22" fillId="0" borderId="0" xfId="1" applyFont="1" applyFill="1" applyBorder="1"/>
    <xf numFmtId="0" fontId="16" fillId="0" borderId="0" xfId="1" applyFont="1" applyFill="1" applyBorder="1" applyAlignment="1">
      <alignment horizontal="left" vertical="top" wrapText="1"/>
    </xf>
    <xf numFmtId="177" fontId="9" fillId="0" borderId="5" xfId="1" applyNumberFormat="1" applyFont="1" applyFill="1" applyBorder="1"/>
    <xf numFmtId="49" fontId="21" fillId="0" borderId="24" xfId="1" applyNumberFormat="1" applyFont="1" applyFill="1" applyBorder="1" applyAlignment="1">
      <alignment horizontal="right" vertical="top" indent="1"/>
    </xf>
    <xf numFmtId="178" fontId="12" fillId="0" borderId="2" xfId="1" applyNumberFormat="1" applyFont="1" applyFill="1" applyBorder="1" applyAlignment="1">
      <alignment horizontal="right" vertical="top" indent="1"/>
    </xf>
    <xf numFmtId="178" fontId="12" fillId="0" borderId="29" xfId="1" applyNumberFormat="1" applyFont="1" applyFill="1" applyBorder="1" applyAlignment="1">
      <alignment horizontal="right" vertical="top" indent="1"/>
    </xf>
    <xf numFmtId="0" fontId="13" fillId="0" borderId="5" xfId="1" applyFont="1" applyFill="1" applyBorder="1" applyAlignment="1">
      <alignment horizontal="left" vertical="top"/>
    </xf>
    <xf numFmtId="49" fontId="21" fillId="0" borderId="8" xfId="1" applyNumberFormat="1" applyFont="1" applyFill="1" applyBorder="1" applyAlignment="1">
      <alignment horizontal="right" vertical="top" indent="1"/>
    </xf>
    <xf numFmtId="180" fontId="12" fillId="0" borderId="15" xfId="1" applyNumberFormat="1" applyFont="1" applyFill="1" applyBorder="1" applyAlignment="1">
      <alignment horizontal="right" vertical="top" indent="1"/>
    </xf>
    <xf numFmtId="177" fontId="12" fillId="0" borderId="10" xfId="1" applyNumberFormat="1" applyFont="1" applyFill="1" applyBorder="1" applyAlignment="1">
      <alignment horizontal="right" vertical="top" indent="1"/>
    </xf>
    <xf numFmtId="177" fontId="12" fillId="0" borderId="15" xfId="1" applyNumberFormat="1" applyFont="1" applyFill="1" applyBorder="1" applyAlignment="1">
      <alignment horizontal="right" vertical="top" indent="1"/>
    </xf>
    <xf numFmtId="181" fontId="12" fillId="0" borderId="10" xfId="1" applyNumberFormat="1" applyFont="1" applyFill="1" applyBorder="1" applyAlignment="1">
      <alignment horizontal="right" vertical="top" indent="1"/>
    </xf>
    <xf numFmtId="182" fontId="12" fillId="0" borderId="10" xfId="1" applyNumberFormat="1" applyFont="1" applyFill="1" applyBorder="1" applyAlignment="1">
      <alignment horizontal="right" vertical="top" indent="1"/>
    </xf>
    <xf numFmtId="180" fontId="12" fillId="0" borderId="10" xfId="1" applyNumberFormat="1" applyFont="1" applyFill="1" applyBorder="1" applyAlignment="1">
      <alignment horizontal="right" vertical="top" indent="1"/>
    </xf>
    <xf numFmtId="177" fontId="9" fillId="0" borderId="2" xfId="1" applyNumberFormat="1" applyFont="1" applyFill="1" applyBorder="1"/>
    <xf numFmtId="177" fontId="12" fillId="0" borderId="3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3" xfId="1" applyNumberFormat="1" applyFont="1" applyFill="1" applyBorder="1" applyAlignment="1">
      <alignment horizontal="right" vertical="center" indent="1"/>
    </xf>
    <xf numFmtId="177" fontId="12" fillId="0" borderId="15" xfId="1" applyNumberFormat="1" applyFont="1" applyFill="1" applyBorder="1" applyAlignment="1">
      <alignment horizontal="right" vertical="center" indent="1"/>
    </xf>
    <xf numFmtId="177" fontId="12" fillId="0" borderId="19" xfId="1" applyNumberFormat="1" applyFont="1" applyFill="1" applyBorder="1" applyAlignment="1">
      <alignment horizontal="right" vertical="center" indent="1"/>
    </xf>
    <xf numFmtId="49" fontId="11" fillId="0" borderId="8" xfId="1" applyNumberFormat="1" applyFont="1" applyFill="1" applyBorder="1" applyAlignment="1">
      <alignment horizontal="right" vertical="center" indent="1"/>
    </xf>
    <xf numFmtId="177" fontId="12" fillId="0" borderId="16" xfId="1" applyNumberFormat="1" applyFont="1" applyFill="1" applyBorder="1" applyAlignment="1">
      <alignment horizontal="right" vertical="center" indent="1"/>
    </xf>
    <xf numFmtId="177" fontId="12" fillId="0" borderId="8" xfId="1" applyNumberFormat="1" applyFont="1" applyFill="1" applyBorder="1" applyAlignment="1">
      <alignment horizontal="right" vertical="center" indent="1"/>
    </xf>
    <xf numFmtId="49" fontId="12" fillId="0" borderId="9" xfId="1" applyNumberFormat="1" applyFont="1" applyFill="1" applyBorder="1" applyAlignment="1">
      <alignment horizontal="left" vertical="center" wrapText="1" indent="3"/>
    </xf>
    <xf numFmtId="49" fontId="12" fillId="0" borderId="9" xfId="1" applyNumberFormat="1" applyFont="1" applyFill="1" applyBorder="1" applyAlignment="1">
      <alignment horizontal="left" vertical="top" indent="1"/>
    </xf>
    <xf numFmtId="0" fontId="9" fillId="0" borderId="10" xfId="1" applyFont="1" applyFill="1" applyBorder="1"/>
    <xf numFmtId="177" fontId="12" fillId="0" borderId="20" xfId="1" applyNumberFormat="1" applyFont="1" applyFill="1" applyBorder="1" applyAlignment="1">
      <alignment horizontal="right" vertical="center" indent="1"/>
    </xf>
    <xf numFmtId="0" fontId="6" fillId="0" borderId="0" xfId="0" applyFont="1" applyFill="1" applyAlignment="1">
      <alignment vertical="center"/>
    </xf>
    <xf numFmtId="0" fontId="16" fillId="0" borderId="0" xfId="1" applyFont="1" applyFill="1" applyAlignment="1">
      <alignment horizontal="left" vertical="top" wrapText="1"/>
    </xf>
    <xf numFmtId="0" fontId="25" fillId="0" borderId="5" xfId="1" applyFont="1" applyFill="1" applyBorder="1" applyAlignment="1">
      <alignment horizontal="left" vertical="top"/>
    </xf>
    <xf numFmtId="49" fontId="12" fillId="0" borderId="14" xfId="1" applyNumberFormat="1" applyFont="1" applyFill="1" applyBorder="1" applyAlignment="1">
      <alignment horizontal="left" vertical="top" wrapText="1" indent="1"/>
    </xf>
    <xf numFmtId="179" fontId="12" fillId="0" borderId="12" xfId="1" applyNumberFormat="1" applyFont="1" applyFill="1" applyBorder="1" applyAlignment="1">
      <alignment horizontal="right" vertical="top" indent="1"/>
    </xf>
    <xf numFmtId="179" fontId="12" fillId="0" borderId="13" xfId="1" applyNumberFormat="1" applyFont="1" applyFill="1" applyBorder="1" applyAlignment="1">
      <alignment horizontal="right" vertical="top" indent="1"/>
    </xf>
    <xf numFmtId="49" fontId="12" fillId="0" borderId="31" xfId="1" applyNumberFormat="1" applyFont="1" applyFill="1" applyBorder="1" applyAlignment="1">
      <alignment horizontal="left" vertical="top" wrapText="1" indent="1"/>
    </xf>
    <xf numFmtId="0" fontId="12" fillId="0" borderId="18" xfId="1" applyFont="1" applyFill="1" applyBorder="1" applyAlignment="1">
      <alignment horizontal="center" vertical="top"/>
    </xf>
    <xf numFmtId="179" fontId="12" fillId="0" borderId="18" xfId="1" applyNumberFormat="1" applyFont="1" applyFill="1" applyBorder="1" applyAlignment="1">
      <alignment horizontal="right" vertical="top" indent="1"/>
    </xf>
    <xf numFmtId="179" fontId="12" fillId="0" borderId="19" xfId="1" applyNumberFormat="1" applyFont="1" applyFill="1" applyBorder="1" applyAlignment="1">
      <alignment horizontal="right" vertical="top" indent="1"/>
    </xf>
    <xf numFmtId="0" fontId="25" fillId="0" borderId="0" xfId="1" applyFont="1" applyFill="1" applyAlignment="1">
      <alignment vertical="top"/>
    </xf>
    <xf numFmtId="49" fontId="12" fillId="0" borderId="11"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179" fontId="12" fillId="0" borderId="1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9"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49" fontId="21" fillId="0" borderId="10" xfId="1" applyNumberFormat="1" applyFont="1" applyFill="1" applyBorder="1" applyAlignment="1">
      <alignment horizontal="right" vertical="top" indent="1"/>
    </xf>
    <xf numFmtId="0" fontId="16" fillId="0" borderId="0" xfId="1" applyFont="1" applyFill="1" applyAlignment="1">
      <alignment horizontal="left" vertical="top" wrapText="1"/>
    </xf>
    <xf numFmtId="0" fontId="12" fillId="0" borderId="0" xfId="1" applyFont="1" applyFill="1" applyBorder="1" applyAlignment="1">
      <alignment horizontal="right"/>
    </xf>
    <xf numFmtId="49" fontId="14" fillId="0" borderId="0" xfId="1" applyNumberFormat="1" applyFont="1" applyFill="1" applyAlignment="1">
      <alignment horizontal="lef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16" fillId="0" borderId="0" xfId="1" applyFont="1" applyFill="1" applyAlignment="1">
      <alignment horizontal="left" vertical="top" wrapText="1"/>
    </xf>
    <xf numFmtId="0" fontId="16" fillId="0" borderId="5" xfId="1" applyFont="1" applyFill="1" applyBorder="1" applyAlignment="1">
      <alignment horizontal="left" vertical="top" wrapText="1"/>
    </xf>
    <xf numFmtId="0" fontId="26" fillId="0" borderId="0" xfId="1" applyFont="1" applyFill="1" applyBorder="1" applyAlignment="1">
      <alignment horizontal="left" vertical="top" wrapText="1"/>
    </xf>
  </cellXfs>
  <cellStyles count="4">
    <cellStyle name="標準" xfId="0" builtinId="0"/>
    <cellStyle name="標準 2" xfId="1" xr:uid="{00000000-0005-0000-0000-000001000000}"/>
    <cellStyle name="標準 3" xfId="2" xr:uid="{00000000-0005-0000-0000-000002000000}"/>
    <cellStyle name="標準 3 2" xfId="3" xr:uid="{00000000-0005-0000-0000-000003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zoomScaleSheetLayoutView="70" workbookViewId="0"/>
  </sheetViews>
  <sheetFormatPr defaultRowHeight="15" x14ac:dyDescent="0.15"/>
  <cols>
    <col min="1" max="14" width="9.375" style="47" customWidth="1"/>
    <col min="15" max="16384" width="9" style="47"/>
  </cols>
  <sheetData>
    <row r="2" spans="1:14" x14ac:dyDescent="0.15">
      <c r="G2" s="57"/>
    </row>
    <row r="3" spans="1:14" x14ac:dyDescent="0.15">
      <c r="H3" s="145"/>
      <c r="I3" s="145"/>
    </row>
    <row r="4" spans="1:14" x14ac:dyDescent="0.15">
      <c r="H4" s="145"/>
      <c r="I4" s="145"/>
    </row>
    <row r="5" spans="1:14" x14ac:dyDescent="0.15">
      <c r="H5" s="145"/>
      <c r="I5" s="145"/>
    </row>
    <row r="6" spans="1:14" x14ac:dyDescent="0.15">
      <c r="H6" s="145"/>
      <c r="I6" s="145"/>
    </row>
    <row r="7" spans="1:14" x14ac:dyDescent="0.15">
      <c r="H7" s="145"/>
      <c r="I7" s="145"/>
    </row>
    <row r="8" spans="1:14" ht="51" customHeight="1" x14ac:dyDescent="0.15">
      <c r="A8" s="168" t="s">
        <v>6</v>
      </c>
      <c r="B8" s="168"/>
      <c r="C8" s="168"/>
      <c r="D8" s="168"/>
      <c r="E8" s="168"/>
      <c r="F8" s="168"/>
      <c r="G8" s="168"/>
      <c r="H8" s="169"/>
      <c r="I8" s="169"/>
      <c r="J8" s="168"/>
      <c r="K8" s="168"/>
      <c r="L8" s="168"/>
      <c r="M8" s="168"/>
      <c r="N8" s="168"/>
    </row>
    <row r="9" spans="1:14" ht="22.5" customHeight="1" x14ac:dyDescent="0.35">
      <c r="A9" s="45"/>
      <c r="B9" s="46"/>
      <c r="C9" s="46"/>
      <c r="D9" s="46"/>
      <c r="E9" s="171" t="s">
        <v>211</v>
      </c>
      <c r="F9" s="171"/>
      <c r="G9" s="171"/>
      <c r="H9" s="171"/>
      <c r="I9" s="171"/>
      <c r="J9" s="171"/>
      <c r="K9" s="46"/>
      <c r="L9" s="46"/>
      <c r="M9" s="46"/>
      <c r="N9" s="46"/>
    </row>
    <row r="10" spans="1:14" ht="22.5" customHeight="1" x14ac:dyDescent="0.15">
      <c r="A10" s="46"/>
      <c r="B10" s="46"/>
      <c r="C10" s="46"/>
      <c r="D10" s="46"/>
      <c r="E10" s="172" t="s">
        <v>212</v>
      </c>
      <c r="F10" s="172"/>
      <c r="G10" s="172"/>
      <c r="H10" s="172"/>
      <c r="I10" s="172"/>
      <c r="J10" s="172"/>
      <c r="K10" s="46"/>
      <c r="L10" s="46"/>
      <c r="M10" s="46"/>
      <c r="N10" s="46"/>
    </row>
    <row r="11" spans="1:14" ht="22.5" customHeight="1" x14ac:dyDescent="0.15">
      <c r="H11" s="145"/>
      <c r="I11" s="145"/>
    </row>
    <row r="12" spans="1:14" ht="22.5" customHeight="1" x14ac:dyDescent="0.15">
      <c r="A12" s="48"/>
      <c r="B12" s="48"/>
      <c r="C12" s="48"/>
      <c r="D12" s="48"/>
      <c r="E12" s="173" t="s">
        <v>7</v>
      </c>
      <c r="F12" s="173"/>
      <c r="G12" s="173"/>
      <c r="H12" s="173"/>
      <c r="I12" s="173"/>
      <c r="J12" s="173"/>
      <c r="K12" s="48"/>
      <c r="L12" s="48"/>
      <c r="M12" s="48"/>
      <c r="N12" s="48"/>
    </row>
    <row r="13" spans="1:14" ht="22.5" customHeight="1" x14ac:dyDescent="0.15">
      <c r="A13" s="48"/>
      <c r="B13" s="48"/>
      <c r="C13" s="48"/>
      <c r="D13" s="48"/>
      <c r="E13" s="49"/>
      <c r="F13" s="50"/>
      <c r="G13" s="50"/>
      <c r="H13" s="50"/>
      <c r="I13" s="50"/>
      <c r="J13" s="51"/>
      <c r="K13" s="48"/>
      <c r="L13" s="48"/>
      <c r="M13" s="48"/>
      <c r="N13" s="48"/>
    </row>
    <row r="14" spans="1:14" ht="22.5" customHeight="1" x14ac:dyDescent="0.15">
      <c r="A14" s="52"/>
      <c r="B14" s="52"/>
      <c r="C14" s="48"/>
      <c r="D14" s="52"/>
      <c r="E14" s="61" t="s">
        <v>141</v>
      </c>
      <c r="F14" s="59"/>
      <c r="G14" s="59"/>
      <c r="H14" s="59"/>
      <c r="I14" s="59"/>
      <c r="J14" s="60"/>
      <c r="K14" s="52"/>
      <c r="L14" s="52"/>
      <c r="M14" s="52"/>
      <c r="N14" s="52"/>
    </row>
    <row r="15" spans="1:14" ht="22.5" customHeight="1" x14ac:dyDescent="0.15">
      <c r="A15" s="48"/>
      <c r="B15" s="48"/>
      <c r="C15" s="48"/>
      <c r="D15" s="48"/>
      <c r="E15" s="61" t="s">
        <v>137</v>
      </c>
      <c r="F15" s="59"/>
      <c r="G15" s="59"/>
      <c r="H15" s="59"/>
      <c r="I15" s="59"/>
      <c r="J15" s="60"/>
      <c r="K15" s="48"/>
      <c r="L15" s="48"/>
      <c r="M15" s="48"/>
      <c r="N15" s="48"/>
    </row>
    <row r="16" spans="1:14" ht="22.5" customHeight="1" x14ac:dyDescent="0.15">
      <c r="A16" s="48"/>
      <c r="B16" s="48"/>
      <c r="C16" s="48"/>
      <c r="D16" s="48"/>
      <c r="E16" s="61" t="s">
        <v>142</v>
      </c>
      <c r="F16" s="59"/>
      <c r="G16" s="59"/>
      <c r="H16" s="59"/>
      <c r="I16" s="59"/>
      <c r="J16" s="60"/>
      <c r="K16" s="48"/>
      <c r="L16" s="48"/>
      <c r="M16" s="48"/>
      <c r="N16" s="48"/>
    </row>
    <row r="17" spans="1:18" ht="22.5" customHeight="1" x14ac:dyDescent="0.15">
      <c r="A17" s="48"/>
      <c r="B17" s="48"/>
      <c r="C17" s="48"/>
      <c r="D17" s="48"/>
      <c r="E17" s="61" t="s">
        <v>351</v>
      </c>
      <c r="F17" s="59"/>
      <c r="G17" s="59"/>
      <c r="H17" s="59"/>
      <c r="I17" s="59"/>
      <c r="J17" s="60"/>
      <c r="K17" s="48"/>
      <c r="L17" s="48"/>
      <c r="M17" s="48"/>
      <c r="N17" s="48"/>
    </row>
    <row r="18" spans="1:18" ht="22.5" customHeight="1" x14ac:dyDescent="0.15">
      <c r="A18" s="48"/>
      <c r="B18" s="48"/>
      <c r="C18" s="48"/>
      <c r="D18" s="48"/>
      <c r="E18" s="61" t="s">
        <v>143</v>
      </c>
      <c r="F18" s="59"/>
      <c r="G18" s="59"/>
      <c r="H18" s="59"/>
      <c r="I18" s="59"/>
      <c r="J18" s="60"/>
      <c r="K18" s="48"/>
      <c r="L18" s="48"/>
      <c r="M18" s="48"/>
      <c r="N18" s="48"/>
    </row>
    <row r="19" spans="1:18" ht="22.5" customHeight="1" x14ac:dyDescent="0.15">
      <c r="A19" s="48"/>
      <c r="B19" s="48"/>
      <c r="C19" s="48"/>
      <c r="D19" s="48"/>
      <c r="E19" s="53"/>
      <c r="F19" s="54"/>
      <c r="G19" s="54"/>
      <c r="H19" s="54"/>
      <c r="I19" s="55"/>
      <c r="J19" s="56"/>
      <c r="K19" s="48"/>
      <c r="L19" s="48"/>
      <c r="M19" s="48"/>
      <c r="N19" s="48"/>
    </row>
    <row r="20" spans="1:18" ht="22.5" customHeight="1" x14ac:dyDescent="0.15">
      <c r="A20" s="48"/>
      <c r="B20" s="48"/>
      <c r="C20" s="48"/>
      <c r="D20" s="48"/>
      <c r="E20" s="48"/>
      <c r="F20" s="48"/>
      <c r="G20" s="48"/>
      <c r="H20" s="48"/>
      <c r="I20" s="48"/>
      <c r="J20" s="48"/>
      <c r="K20" s="48"/>
      <c r="L20" s="48"/>
      <c r="M20" s="48"/>
      <c r="N20" s="48"/>
    </row>
    <row r="21" spans="1:18" ht="22.5" customHeight="1" x14ac:dyDescent="0.15">
      <c r="A21" s="48"/>
      <c r="B21" s="170" t="s">
        <v>144</v>
      </c>
      <c r="C21" s="170"/>
      <c r="D21" s="170"/>
      <c r="E21" s="170"/>
      <c r="F21" s="170"/>
      <c r="G21" s="170"/>
      <c r="H21" s="170"/>
      <c r="I21" s="170"/>
      <c r="J21" s="170"/>
      <c r="K21" s="170"/>
      <c r="L21" s="170"/>
      <c r="M21" s="170"/>
      <c r="N21" s="48"/>
    </row>
    <row r="22" spans="1:18" ht="22.5" customHeight="1" x14ac:dyDescent="0.15">
      <c r="A22" s="48"/>
      <c r="B22" s="62"/>
      <c r="C22" s="62"/>
      <c r="D22" s="62"/>
      <c r="E22" s="62"/>
      <c r="F22" s="62"/>
      <c r="G22" s="62"/>
      <c r="H22" s="62"/>
      <c r="I22" s="62"/>
      <c r="J22" s="62"/>
      <c r="K22" s="62"/>
      <c r="L22" s="62"/>
      <c r="M22" s="62"/>
      <c r="N22" s="48"/>
    </row>
    <row r="23" spans="1:18" ht="22.5" customHeight="1" x14ac:dyDescent="0.15">
      <c r="R23" s="58"/>
    </row>
    <row r="24" spans="1:18" ht="22.5" customHeight="1" x14ac:dyDescent="0.15">
      <c r="A24" s="167" t="s">
        <v>145</v>
      </c>
      <c r="B24" s="167"/>
      <c r="C24" s="167"/>
      <c r="D24" s="167"/>
      <c r="E24" s="167"/>
      <c r="F24" s="167"/>
      <c r="G24" s="167"/>
      <c r="H24" s="167"/>
      <c r="I24" s="167"/>
      <c r="J24" s="167"/>
      <c r="K24" s="167"/>
      <c r="L24" s="167"/>
      <c r="M24" s="167"/>
      <c r="N24" s="167"/>
    </row>
    <row r="25" spans="1:18" ht="22.5" customHeight="1" x14ac:dyDescent="0.15">
      <c r="A25" s="46"/>
      <c r="B25" s="46"/>
      <c r="C25" s="46"/>
      <c r="D25" s="46"/>
      <c r="E25" s="46"/>
      <c r="F25" s="46"/>
      <c r="G25" s="46"/>
      <c r="H25" s="46"/>
      <c r="I25" s="46"/>
      <c r="J25" s="46"/>
      <c r="K25" s="46"/>
      <c r="L25" s="46"/>
      <c r="M25" s="46"/>
      <c r="N25" s="46"/>
    </row>
    <row r="34" spans="24:29" x14ac:dyDescent="0.15">
      <c r="X34" s="48"/>
      <c r="Y34" s="48"/>
      <c r="Z34" s="48"/>
      <c r="AA34" s="48"/>
      <c r="AB34" s="48"/>
      <c r="AC34" s="48"/>
    </row>
    <row r="35" spans="24:29" x14ac:dyDescent="0.15">
      <c r="X35" s="48"/>
      <c r="Y35" s="48"/>
      <c r="Z35" s="48"/>
      <c r="AA35" s="48"/>
      <c r="AB35" s="48"/>
      <c r="AC35" s="48"/>
    </row>
    <row r="36" spans="24:29" x14ac:dyDescent="0.15">
      <c r="X36" s="48"/>
      <c r="Y36" s="48"/>
      <c r="Z36" s="48"/>
      <c r="AA36" s="48"/>
      <c r="AB36" s="48"/>
      <c r="AC36" s="48"/>
    </row>
    <row r="37" spans="24:29" x14ac:dyDescent="0.15">
      <c r="X37" s="48"/>
      <c r="Y37" s="48"/>
      <c r="Z37" s="48"/>
      <c r="AA37" s="48"/>
      <c r="AB37" s="48"/>
      <c r="AC37" s="48"/>
    </row>
    <row r="38" spans="24:29" x14ac:dyDescent="0.15">
      <c r="X38" s="48"/>
      <c r="Y38" s="48"/>
      <c r="Z38" s="48"/>
      <c r="AA38" s="48"/>
      <c r="AB38" s="48"/>
      <c r="AC38" s="48"/>
    </row>
  </sheetData>
  <mergeCells count="6">
    <mergeCell ref="A24:N24"/>
    <mergeCell ref="A8:N8"/>
    <mergeCell ref="B21:M21"/>
    <mergeCell ref="E9:J9"/>
    <mergeCell ref="E10:J10"/>
    <mergeCell ref="E12:J1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13"/>
  <sheetViews>
    <sheetView showGridLines="0" zoomScaleNormal="100" zoomScaleSheetLayoutView="100" workbookViewId="0"/>
  </sheetViews>
  <sheetFormatPr defaultRowHeight="12.75" x14ac:dyDescent="0.2"/>
  <cols>
    <col min="1" max="1" width="2.625" style="1" customWidth="1"/>
    <col min="2" max="2" width="45.625" style="1" customWidth="1"/>
    <col min="3" max="3" width="8.625" style="1" customWidth="1"/>
    <col min="4" max="7" width="15.625" style="1" customWidth="1"/>
    <col min="8" max="8" width="15.625" style="6" customWidth="1"/>
    <col min="9" max="9" width="2.625" style="1" customWidth="1"/>
    <col min="10" max="16384" width="9" style="1"/>
  </cols>
  <sheetData>
    <row r="1" spans="1:9" ht="21" x14ac:dyDescent="0.2">
      <c r="B1" s="5" t="s">
        <v>9</v>
      </c>
    </row>
    <row r="2" spans="1:9" ht="5.25" customHeight="1" x14ac:dyDescent="0.2"/>
    <row r="3" spans="1:9" s="67" customFormat="1" ht="14.1" customHeight="1" x14ac:dyDescent="0.2">
      <c r="A3" s="63"/>
      <c r="B3" s="97" t="s">
        <v>329</v>
      </c>
      <c r="C3" s="64"/>
      <c r="D3" s="65" t="s">
        <v>10</v>
      </c>
      <c r="E3" s="65" t="s">
        <v>11</v>
      </c>
      <c r="F3" s="65" t="s">
        <v>147</v>
      </c>
      <c r="G3" s="65" t="s">
        <v>156</v>
      </c>
      <c r="H3" s="121" t="s">
        <v>213</v>
      </c>
      <c r="I3" s="66"/>
    </row>
    <row r="4" spans="1:9" x14ac:dyDescent="0.2">
      <c r="A4" s="2"/>
      <c r="B4" s="71" t="s">
        <v>12</v>
      </c>
      <c r="C4" s="12" t="s">
        <v>13</v>
      </c>
      <c r="D4" s="41">
        <v>2478586</v>
      </c>
      <c r="E4" s="41">
        <v>2927186</v>
      </c>
      <c r="F4" s="41">
        <v>2786256</v>
      </c>
      <c r="G4" s="41">
        <v>2461589</v>
      </c>
      <c r="H4" s="88">
        <v>2050639</v>
      </c>
      <c r="I4" s="4"/>
    </row>
    <row r="5" spans="1:9" ht="14.1" customHeight="1" x14ac:dyDescent="0.2">
      <c r="A5" s="2"/>
      <c r="B5" s="71" t="s">
        <v>330</v>
      </c>
      <c r="C5" s="12" t="s">
        <v>13</v>
      </c>
      <c r="D5" s="41">
        <v>-146266</v>
      </c>
      <c r="E5" s="41">
        <v>108560</v>
      </c>
      <c r="F5" s="41">
        <v>-48065</v>
      </c>
      <c r="G5" s="41">
        <v>-161967</v>
      </c>
      <c r="H5" s="88">
        <v>62454</v>
      </c>
      <c r="I5" s="4"/>
    </row>
    <row r="6" spans="1:9" ht="14.1" customHeight="1" x14ac:dyDescent="0.2">
      <c r="A6" s="2"/>
      <c r="B6" s="71" t="s">
        <v>344</v>
      </c>
      <c r="C6" s="12" t="s">
        <v>13</v>
      </c>
      <c r="D6" s="41">
        <v>-545347</v>
      </c>
      <c r="E6" s="41">
        <v>11559</v>
      </c>
      <c r="F6" s="41">
        <v>-222347</v>
      </c>
      <c r="G6" s="41">
        <v>-255972</v>
      </c>
      <c r="H6" s="88">
        <v>-24877</v>
      </c>
      <c r="I6" s="4"/>
    </row>
    <row r="7" spans="1:9" ht="14.1" customHeight="1" x14ac:dyDescent="0.2">
      <c r="A7" s="2"/>
      <c r="B7" s="71" t="s">
        <v>331</v>
      </c>
      <c r="C7" s="12" t="s">
        <v>14</v>
      </c>
      <c r="D7" s="98">
        <v>-5.8999999999999995</v>
      </c>
      <c r="E7" s="98">
        <v>3.7</v>
      </c>
      <c r="F7" s="98">
        <v>-1.7</v>
      </c>
      <c r="G7" s="98">
        <v>-6.6</v>
      </c>
      <c r="H7" s="122">
        <v>3</v>
      </c>
      <c r="I7" s="4"/>
    </row>
    <row r="8" spans="1:9" ht="14.1" customHeight="1" x14ac:dyDescent="0.2">
      <c r="A8" s="2"/>
      <c r="B8" s="71" t="s">
        <v>345</v>
      </c>
      <c r="C8" s="12" t="s">
        <v>14</v>
      </c>
      <c r="D8" s="98">
        <v>-22</v>
      </c>
      <c r="E8" s="98">
        <v>0.4</v>
      </c>
      <c r="F8" s="98">
        <v>-7.9801353500898706</v>
      </c>
      <c r="G8" s="98">
        <v>-10.4</v>
      </c>
      <c r="H8" s="122">
        <v>-1.2</v>
      </c>
      <c r="I8" s="4"/>
    </row>
    <row r="9" spans="1:9" ht="14.1" customHeight="1" x14ac:dyDescent="0.2">
      <c r="A9" s="2"/>
      <c r="B9" s="71" t="s">
        <v>15</v>
      </c>
      <c r="C9" s="12" t="s">
        <v>14</v>
      </c>
      <c r="D9" s="98">
        <v>-145.30000000000001</v>
      </c>
      <c r="E9" s="98">
        <v>7.2</v>
      </c>
      <c r="F9" s="98">
        <v>-197.4</v>
      </c>
      <c r="G9" s="98" t="s">
        <v>162</v>
      </c>
      <c r="H9" s="122">
        <v>-19.8</v>
      </c>
      <c r="I9" s="4"/>
    </row>
    <row r="10" spans="1:9" ht="14.1" customHeight="1" x14ac:dyDescent="0.2">
      <c r="A10" s="2"/>
      <c r="B10" s="99" t="s">
        <v>16</v>
      </c>
      <c r="C10" s="92" t="s">
        <v>14</v>
      </c>
      <c r="D10" s="100">
        <v>-23.2</v>
      </c>
      <c r="E10" s="100">
        <v>0.5</v>
      </c>
      <c r="F10" s="100">
        <v>-10.7</v>
      </c>
      <c r="G10" s="100">
        <v>-14.5</v>
      </c>
      <c r="H10" s="123">
        <v>-1.5</v>
      </c>
      <c r="I10" s="4"/>
    </row>
    <row r="11" spans="1:9" ht="11.1" customHeight="1" x14ac:dyDescent="0.2">
      <c r="B11" s="147" t="s">
        <v>346</v>
      </c>
      <c r="C11" s="124"/>
      <c r="D11" s="124"/>
      <c r="E11" s="124"/>
      <c r="F11" s="124"/>
      <c r="G11" s="124"/>
      <c r="H11" s="124"/>
    </row>
    <row r="12" spans="1:9" ht="11.1" customHeight="1" x14ac:dyDescent="0.2">
      <c r="B12" s="96" t="s">
        <v>204</v>
      </c>
      <c r="C12" s="40"/>
      <c r="D12" s="40"/>
      <c r="E12" s="40"/>
      <c r="F12" s="40"/>
      <c r="G12" s="40"/>
      <c r="H12" s="40"/>
    </row>
    <row r="13" spans="1:9" ht="11.1" customHeight="1" x14ac:dyDescent="0.2">
      <c r="B13" s="95" t="s">
        <v>205</v>
      </c>
      <c r="G13" s="6"/>
    </row>
    <row r="14" spans="1:9" s="68" customFormat="1" ht="5.0999999999999996" customHeight="1" x14ac:dyDescent="0.15">
      <c r="G14" s="118"/>
      <c r="H14" s="118"/>
    </row>
    <row r="15" spans="1:9" s="67" customFormat="1" ht="14.1" customHeight="1" x14ac:dyDescent="0.2">
      <c r="A15" s="101"/>
      <c r="B15" s="102" t="s">
        <v>160</v>
      </c>
      <c r="C15" s="103"/>
      <c r="D15" s="104" t="s">
        <v>10</v>
      </c>
      <c r="E15" s="104" t="s">
        <v>11</v>
      </c>
      <c r="F15" s="104" t="s">
        <v>147</v>
      </c>
      <c r="G15" s="104" t="s">
        <v>156</v>
      </c>
      <c r="H15" s="125" t="s">
        <v>213</v>
      </c>
      <c r="I15" s="101"/>
    </row>
    <row r="16" spans="1:9" ht="12.75" customHeight="1" x14ac:dyDescent="0.2">
      <c r="A16" s="6"/>
      <c r="B16" s="11" t="s">
        <v>17</v>
      </c>
      <c r="C16" s="12" t="s">
        <v>13</v>
      </c>
      <c r="D16" s="105">
        <v>2087763</v>
      </c>
      <c r="E16" s="105">
        <v>2181680</v>
      </c>
      <c r="F16" s="105">
        <v>1961909</v>
      </c>
      <c r="G16" s="105">
        <v>1570672</v>
      </c>
      <c r="H16" s="106">
        <v>1773682</v>
      </c>
      <c r="I16" s="6"/>
    </row>
    <row r="17" spans="1:9" ht="14.1" customHeight="1" x14ac:dyDescent="0.2">
      <c r="A17" s="6"/>
      <c r="B17" s="11" t="s">
        <v>18</v>
      </c>
      <c r="C17" s="12" t="s">
        <v>13</v>
      </c>
      <c r="D17" s="105">
        <v>1952926</v>
      </c>
      <c r="E17" s="105">
        <v>1974507</v>
      </c>
      <c r="F17" s="105">
        <v>1917394</v>
      </c>
      <c r="G17" s="105">
        <v>1601883</v>
      </c>
      <c r="H17" s="106">
        <v>1465881</v>
      </c>
      <c r="I17" s="6"/>
    </row>
    <row r="18" spans="1:9" ht="14.1" customHeight="1" x14ac:dyDescent="0.2">
      <c r="A18" s="6"/>
      <c r="B18" s="11" t="s">
        <v>19</v>
      </c>
      <c r="C18" s="12" t="s">
        <v>13</v>
      </c>
      <c r="D18" s="105">
        <v>134837</v>
      </c>
      <c r="E18" s="105">
        <v>207173</v>
      </c>
      <c r="F18" s="105">
        <v>44515</v>
      </c>
      <c r="G18" s="41">
        <v>-31211</v>
      </c>
      <c r="H18" s="88">
        <v>307801</v>
      </c>
      <c r="I18" s="6"/>
    </row>
    <row r="19" spans="1:9" ht="14.1" customHeight="1" x14ac:dyDescent="0.2">
      <c r="A19" s="6"/>
      <c r="B19" s="11" t="s">
        <v>20</v>
      </c>
      <c r="C19" s="12" t="s">
        <v>13</v>
      </c>
      <c r="D19" s="105">
        <v>124671</v>
      </c>
      <c r="E19" s="105">
        <v>195160</v>
      </c>
      <c r="F19" s="105">
        <v>30166</v>
      </c>
      <c r="G19" s="41">
        <v>-43050</v>
      </c>
      <c r="H19" s="88">
        <v>294154</v>
      </c>
      <c r="I19" s="6"/>
    </row>
    <row r="20" spans="1:9" ht="14.1" customHeight="1" x14ac:dyDescent="0.2">
      <c r="A20" s="6"/>
      <c r="B20" s="11" t="s">
        <v>21</v>
      </c>
      <c r="C20" s="12" t="s">
        <v>13</v>
      </c>
      <c r="D20" s="105">
        <v>1174423</v>
      </c>
      <c r="E20" s="105">
        <v>1093519</v>
      </c>
      <c r="F20" s="105">
        <v>974276</v>
      </c>
      <c r="G20" s="105">
        <v>731022</v>
      </c>
      <c r="H20" s="106">
        <v>657444</v>
      </c>
      <c r="I20" s="6"/>
    </row>
    <row r="21" spans="1:9" ht="14.1" customHeight="1" x14ac:dyDescent="0.2">
      <c r="A21" s="6"/>
      <c r="B21" s="11" t="s">
        <v>22</v>
      </c>
      <c r="C21" s="12" t="s">
        <v>13</v>
      </c>
      <c r="D21" s="105">
        <v>310709</v>
      </c>
      <c r="E21" s="105">
        <v>295126</v>
      </c>
      <c r="F21" s="105">
        <v>338300</v>
      </c>
      <c r="G21" s="105">
        <v>184313</v>
      </c>
      <c r="H21" s="106">
        <v>217892</v>
      </c>
      <c r="I21" s="6"/>
    </row>
    <row r="22" spans="1:9" ht="14.1" customHeight="1" x14ac:dyDescent="0.2">
      <c r="A22" s="6"/>
      <c r="B22" s="11" t="s">
        <v>64</v>
      </c>
      <c r="C22" s="12" t="s">
        <v>14</v>
      </c>
      <c r="D22" s="107">
        <v>6</v>
      </c>
      <c r="E22" s="107">
        <v>8.9</v>
      </c>
      <c r="F22" s="107">
        <v>1.5</v>
      </c>
      <c r="G22" s="98">
        <v>-2.7</v>
      </c>
      <c r="H22" s="122">
        <v>16.600000000000001</v>
      </c>
      <c r="I22" s="6"/>
    </row>
    <row r="23" spans="1:9" ht="14.1" customHeight="1" x14ac:dyDescent="0.2">
      <c r="A23" s="6"/>
      <c r="B23" s="108" t="s">
        <v>65</v>
      </c>
      <c r="C23" s="19" t="s">
        <v>23</v>
      </c>
      <c r="D23" s="109">
        <v>9.4</v>
      </c>
      <c r="E23" s="109">
        <v>5.6</v>
      </c>
      <c r="F23" s="109">
        <v>32.299999999999997</v>
      </c>
      <c r="G23" s="109" t="s">
        <v>162</v>
      </c>
      <c r="H23" s="126">
        <v>2.2000000000000002</v>
      </c>
      <c r="I23" s="6"/>
    </row>
    <row r="24" spans="1:9" ht="11.1" customHeight="1" x14ac:dyDescent="0.2">
      <c r="B24" s="96" t="s">
        <v>202</v>
      </c>
      <c r="C24" s="40"/>
      <c r="D24" s="40"/>
      <c r="E24" s="40"/>
      <c r="F24" s="40"/>
      <c r="G24" s="40"/>
      <c r="H24" s="40"/>
    </row>
    <row r="25" spans="1:9" ht="11.1" customHeight="1" x14ac:dyDescent="0.2">
      <c r="B25" s="95" t="s">
        <v>203</v>
      </c>
      <c r="G25" s="6"/>
    </row>
    <row r="26" spans="1:9" s="68" customFormat="1" ht="5.0999999999999996" customHeight="1" x14ac:dyDescent="0.15">
      <c r="G26" s="118"/>
      <c r="H26" s="118"/>
    </row>
    <row r="27" spans="1:9" s="67" customFormat="1" ht="14.1" customHeight="1" x14ac:dyDescent="0.2">
      <c r="A27" s="101"/>
      <c r="B27" s="102" t="s">
        <v>161</v>
      </c>
      <c r="C27" s="103"/>
      <c r="D27" s="104" t="s">
        <v>10</v>
      </c>
      <c r="E27" s="104" t="s">
        <v>11</v>
      </c>
      <c r="F27" s="104" t="s">
        <v>147</v>
      </c>
      <c r="G27" s="104" t="s">
        <v>156</v>
      </c>
      <c r="H27" s="125" t="s">
        <v>214</v>
      </c>
      <c r="I27" s="101"/>
    </row>
    <row r="28" spans="1:9" ht="12.75" customHeight="1" x14ac:dyDescent="0.2">
      <c r="A28" s="6"/>
      <c r="B28" s="11" t="s">
        <v>24</v>
      </c>
      <c r="C28" s="12" t="s">
        <v>13</v>
      </c>
      <c r="D28" s="41">
        <v>-81075</v>
      </c>
      <c r="E28" s="41">
        <v>198984</v>
      </c>
      <c r="F28" s="41">
        <v>17339</v>
      </c>
      <c r="G28" s="41">
        <v>-18866</v>
      </c>
      <c r="H28" s="127">
        <v>127231</v>
      </c>
      <c r="I28" s="6"/>
    </row>
    <row r="29" spans="1:9" ht="14.1" customHeight="1" x14ac:dyDescent="0.2">
      <c r="A29" s="6"/>
      <c r="B29" s="11" t="s">
        <v>25</v>
      </c>
      <c r="C29" s="12" t="s">
        <v>13</v>
      </c>
      <c r="D29" s="41">
        <v>7110</v>
      </c>
      <c r="E29" s="41">
        <v>-84940</v>
      </c>
      <c r="F29" s="41">
        <v>-16043</v>
      </c>
      <c r="G29" s="41">
        <v>-40513</v>
      </c>
      <c r="H29" s="127">
        <v>-90677</v>
      </c>
      <c r="I29" s="6"/>
    </row>
    <row r="30" spans="1:9" ht="14.1" customHeight="1" x14ac:dyDescent="0.2">
      <c r="A30" s="6"/>
      <c r="B30" s="11" t="s">
        <v>26</v>
      </c>
      <c r="C30" s="12" t="s">
        <v>13</v>
      </c>
      <c r="D30" s="41">
        <v>51637</v>
      </c>
      <c r="E30" s="41">
        <v>32753</v>
      </c>
      <c r="F30" s="41">
        <v>-136090</v>
      </c>
      <c r="G30" s="41">
        <v>-15360</v>
      </c>
      <c r="H30" s="127">
        <v>272199</v>
      </c>
      <c r="I30" s="6"/>
    </row>
    <row r="31" spans="1:9" ht="14.1" customHeight="1" x14ac:dyDescent="0.2">
      <c r="A31" s="6"/>
      <c r="B31" s="11" t="s">
        <v>27</v>
      </c>
      <c r="C31" s="12" t="s">
        <v>13</v>
      </c>
      <c r="D31" s="41">
        <v>187866</v>
      </c>
      <c r="E31" s="41">
        <v>350634</v>
      </c>
      <c r="F31" s="41">
        <v>232211</v>
      </c>
      <c r="G31" s="41">
        <v>149533</v>
      </c>
      <c r="H31" s="127">
        <v>453477</v>
      </c>
      <c r="I31" s="6"/>
    </row>
    <row r="32" spans="1:9" ht="14.1" customHeight="1" x14ac:dyDescent="0.2">
      <c r="A32" s="6"/>
      <c r="B32" s="108" t="s">
        <v>28</v>
      </c>
      <c r="C32" s="19" t="s">
        <v>13</v>
      </c>
      <c r="D32" s="110">
        <v>-73965</v>
      </c>
      <c r="E32" s="110">
        <v>114044</v>
      </c>
      <c r="F32" s="110">
        <v>1296</v>
      </c>
      <c r="G32" s="110">
        <v>-59379</v>
      </c>
      <c r="H32" s="128">
        <v>36554</v>
      </c>
      <c r="I32" s="6"/>
    </row>
    <row r="33" spans="1:9" ht="11.1" customHeight="1" x14ac:dyDescent="0.2">
      <c r="B33" s="96" t="s">
        <v>338</v>
      </c>
      <c r="C33" s="40"/>
      <c r="D33" s="40"/>
      <c r="E33" s="40"/>
      <c r="F33" s="40"/>
      <c r="G33" s="40"/>
      <c r="H33" s="40"/>
    </row>
    <row r="34" spans="1:9" s="68" customFormat="1" ht="5.0999999999999996" customHeight="1" x14ac:dyDescent="0.15">
      <c r="G34" s="118"/>
      <c r="H34" s="118"/>
    </row>
    <row r="35" spans="1:9" s="67" customFormat="1" ht="14.1" customHeight="1" x14ac:dyDescent="0.2">
      <c r="A35" s="101"/>
      <c r="B35" s="102" t="s">
        <v>29</v>
      </c>
      <c r="C35" s="103"/>
      <c r="D35" s="104" t="s">
        <v>10</v>
      </c>
      <c r="E35" s="104" t="s">
        <v>11</v>
      </c>
      <c r="F35" s="104" t="s">
        <v>147</v>
      </c>
      <c r="G35" s="104" t="s">
        <v>157</v>
      </c>
      <c r="H35" s="125" t="s">
        <v>215</v>
      </c>
      <c r="I35" s="101"/>
    </row>
    <row r="36" spans="1:9" x14ac:dyDescent="0.2">
      <c r="A36" s="6"/>
      <c r="B36" s="11" t="s">
        <v>30</v>
      </c>
      <c r="C36" s="12" t="s">
        <v>13</v>
      </c>
      <c r="D36" s="105">
        <v>82458</v>
      </c>
      <c r="E36" s="105">
        <v>49434</v>
      </c>
      <c r="F36" s="105">
        <v>62653</v>
      </c>
      <c r="G36" s="105">
        <v>45240</v>
      </c>
      <c r="H36" s="106">
        <v>77733</v>
      </c>
      <c r="I36" s="6"/>
    </row>
    <row r="37" spans="1:9" ht="14.1" customHeight="1" x14ac:dyDescent="0.2">
      <c r="A37" s="6"/>
      <c r="B37" s="11" t="s">
        <v>31</v>
      </c>
      <c r="C37" s="12" t="s">
        <v>13</v>
      </c>
      <c r="D37" s="105">
        <v>173349</v>
      </c>
      <c r="E37" s="105">
        <v>114617</v>
      </c>
      <c r="F37" s="105">
        <v>102601</v>
      </c>
      <c r="G37" s="105">
        <v>68056</v>
      </c>
      <c r="H37" s="106">
        <v>59794</v>
      </c>
      <c r="I37" s="6"/>
    </row>
    <row r="38" spans="1:9" ht="14.1" customHeight="1" x14ac:dyDescent="0.2">
      <c r="A38" s="6"/>
      <c r="B38" s="108" t="s">
        <v>32</v>
      </c>
      <c r="C38" s="19" t="s">
        <v>13</v>
      </c>
      <c r="D38" s="113">
        <v>137936</v>
      </c>
      <c r="E38" s="113">
        <v>132124</v>
      </c>
      <c r="F38" s="113">
        <v>141042</v>
      </c>
      <c r="G38" s="113">
        <v>130120</v>
      </c>
      <c r="H38" s="114">
        <v>106107</v>
      </c>
      <c r="I38" s="6"/>
    </row>
    <row r="39" spans="1:9" s="68" customFormat="1" ht="8.25" x14ac:dyDescent="0.15">
      <c r="B39" s="111"/>
      <c r="C39" s="112"/>
      <c r="D39" s="112"/>
      <c r="E39" s="112"/>
      <c r="F39" s="112"/>
      <c r="G39" s="112"/>
      <c r="H39" s="112"/>
    </row>
    <row r="40" spans="1:9" s="67" customFormat="1" ht="14.1" customHeight="1" x14ac:dyDescent="0.2">
      <c r="A40" s="101"/>
      <c r="B40" s="102" t="s">
        <v>33</v>
      </c>
      <c r="C40" s="103"/>
      <c r="D40" s="104" t="s">
        <v>10</v>
      </c>
      <c r="E40" s="104" t="s">
        <v>11</v>
      </c>
      <c r="F40" s="104" t="s">
        <v>147</v>
      </c>
      <c r="G40" s="104" t="s">
        <v>179</v>
      </c>
      <c r="H40" s="125" t="s">
        <v>215</v>
      </c>
      <c r="I40" s="101"/>
    </row>
    <row r="41" spans="1:9" x14ac:dyDescent="0.2">
      <c r="A41" s="6"/>
      <c r="B41" s="11" t="s">
        <v>34</v>
      </c>
      <c r="C41" s="12" t="s">
        <v>23</v>
      </c>
      <c r="D41" s="115">
        <v>1.19</v>
      </c>
      <c r="E41" s="115">
        <v>1.34</v>
      </c>
      <c r="F41" s="115">
        <v>1.42</v>
      </c>
      <c r="G41" s="115">
        <v>1.57</v>
      </c>
      <c r="H41" s="129">
        <v>1.1599999999999999</v>
      </c>
      <c r="I41" s="6"/>
    </row>
    <row r="42" spans="1:9" ht="14.1" customHeight="1" x14ac:dyDescent="0.2">
      <c r="A42" s="6"/>
      <c r="B42" s="108" t="s">
        <v>35</v>
      </c>
      <c r="C42" s="19" t="s">
        <v>36</v>
      </c>
      <c r="D42" s="109">
        <v>1.5</v>
      </c>
      <c r="E42" s="109">
        <v>1.2</v>
      </c>
      <c r="F42" s="109">
        <v>1.5</v>
      </c>
      <c r="G42" s="109">
        <v>0.9</v>
      </c>
      <c r="H42" s="126">
        <v>1.3</v>
      </c>
      <c r="I42" s="6"/>
    </row>
    <row r="43" spans="1:9" ht="11.1" customHeight="1" x14ac:dyDescent="0.2">
      <c r="B43" s="96" t="s">
        <v>200</v>
      </c>
      <c r="C43" s="40"/>
      <c r="D43" s="40"/>
      <c r="E43" s="40"/>
      <c r="F43" s="40"/>
      <c r="G43" s="40"/>
      <c r="H43" s="40"/>
    </row>
    <row r="44" spans="1:9" ht="11.1" customHeight="1" x14ac:dyDescent="0.2">
      <c r="B44" s="95" t="s">
        <v>201</v>
      </c>
      <c r="G44" s="6"/>
    </row>
    <row r="45" spans="1:9" s="68" customFormat="1" ht="5.0999999999999996" customHeight="1" x14ac:dyDescent="0.15">
      <c r="G45" s="118"/>
      <c r="H45" s="118"/>
    </row>
    <row r="46" spans="1:9" s="67" customFormat="1" ht="14.1" customHeight="1" x14ac:dyDescent="0.2">
      <c r="A46" s="101"/>
      <c r="B46" s="102" t="s">
        <v>37</v>
      </c>
      <c r="C46" s="103"/>
      <c r="D46" s="104" t="s">
        <v>10</v>
      </c>
      <c r="E46" s="104" t="s">
        <v>11</v>
      </c>
      <c r="F46" s="104" t="s">
        <v>147</v>
      </c>
      <c r="G46" s="104" t="s">
        <v>156</v>
      </c>
      <c r="H46" s="125" t="s">
        <v>215</v>
      </c>
      <c r="I46" s="101"/>
    </row>
    <row r="47" spans="1:9" x14ac:dyDescent="0.2">
      <c r="A47" s="6"/>
      <c r="B47" s="11" t="s">
        <v>208</v>
      </c>
      <c r="C47" s="12" t="s">
        <v>38</v>
      </c>
      <c r="D47" s="105">
        <v>272</v>
      </c>
      <c r="E47" s="105">
        <v>314</v>
      </c>
      <c r="F47" s="105">
        <v>235</v>
      </c>
      <c r="G47" s="105">
        <v>129</v>
      </c>
      <c r="H47" s="106">
        <v>470</v>
      </c>
      <c r="I47" s="6"/>
    </row>
    <row r="48" spans="1:9" ht="28.5" customHeight="1" x14ac:dyDescent="0.2">
      <c r="A48" s="6"/>
      <c r="B48" s="15" t="s">
        <v>207</v>
      </c>
      <c r="C48" s="159" t="s">
        <v>146</v>
      </c>
      <c r="D48" s="157">
        <v>1166224</v>
      </c>
      <c r="E48" s="157">
        <v>1690765</v>
      </c>
      <c r="F48" s="157">
        <v>1690733</v>
      </c>
      <c r="G48" s="157">
        <v>1690678</v>
      </c>
      <c r="H48" s="158">
        <v>4972609</v>
      </c>
      <c r="I48" s="6"/>
    </row>
    <row r="49" spans="1:9" ht="14.1" customHeight="1" x14ac:dyDescent="0.2">
      <c r="A49" s="6"/>
      <c r="B49" s="11" t="s">
        <v>63</v>
      </c>
      <c r="C49" s="12" t="s">
        <v>38</v>
      </c>
      <c r="D49" s="105">
        <v>0</v>
      </c>
      <c r="E49" s="105">
        <v>0</v>
      </c>
      <c r="F49" s="105">
        <v>0</v>
      </c>
      <c r="G49" s="105">
        <v>0</v>
      </c>
      <c r="H49" s="106">
        <v>0</v>
      </c>
      <c r="I49" s="6"/>
    </row>
    <row r="50" spans="1:9" ht="14.1" customHeight="1" x14ac:dyDescent="0.2">
      <c r="A50" s="6"/>
      <c r="B50" s="11" t="s">
        <v>39</v>
      </c>
      <c r="C50" s="12" t="s">
        <v>38</v>
      </c>
      <c r="D50" s="116">
        <v>106.9</v>
      </c>
      <c r="E50" s="116">
        <v>115.43</v>
      </c>
      <c r="F50" s="116">
        <v>17.84</v>
      </c>
      <c r="G50" s="116">
        <v>-161.79</v>
      </c>
      <c r="H50" s="130">
        <v>15.41</v>
      </c>
      <c r="I50" s="6"/>
    </row>
    <row r="51" spans="1:9" ht="14.1" customHeight="1" x14ac:dyDescent="0.2">
      <c r="A51" s="6"/>
      <c r="B51" s="11" t="s">
        <v>40</v>
      </c>
      <c r="C51" s="12" t="s">
        <v>38</v>
      </c>
      <c r="D51" s="116">
        <v>-489.83</v>
      </c>
      <c r="E51" s="116">
        <v>8.09</v>
      </c>
      <c r="F51" s="116">
        <v>-131.51</v>
      </c>
      <c r="G51" s="116">
        <v>-154.63999999999999</v>
      </c>
      <c r="H51" s="130">
        <v>-6.86</v>
      </c>
      <c r="I51" s="6"/>
    </row>
    <row r="52" spans="1:9" ht="14.1" customHeight="1" x14ac:dyDescent="0.2">
      <c r="A52" s="6"/>
      <c r="B52" s="11" t="s">
        <v>41</v>
      </c>
      <c r="C52" s="12" t="s">
        <v>23</v>
      </c>
      <c r="D52" s="107">
        <v>2.5</v>
      </c>
      <c r="E52" s="107">
        <v>2.7</v>
      </c>
      <c r="F52" s="107">
        <v>13.2</v>
      </c>
      <c r="G52" s="107" t="s">
        <v>162</v>
      </c>
      <c r="H52" s="131">
        <v>30.5</v>
      </c>
      <c r="I52" s="6"/>
    </row>
    <row r="53" spans="1:9" ht="14.1" customHeight="1" x14ac:dyDescent="0.2">
      <c r="A53" s="6"/>
      <c r="B53" s="108" t="s">
        <v>42</v>
      </c>
      <c r="C53" s="19" t="s">
        <v>23</v>
      </c>
      <c r="D53" s="109" t="s">
        <v>43</v>
      </c>
      <c r="E53" s="109">
        <v>38.799999999999997</v>
      </c>
      <c r="F53" s="109" t="s">
        <v>43</v>
      </c>
      <c r="G53" s="109" t="s">
        <v>43</v>
      </c>
      <c r="H53" s="126" t="s">
        <v>217</v>
      </c>
      <c r="I53" s="6"/>
    </row>
    <row r="54" spans="1:9" ht="11.1" customHeight="1" x14ac:dyDescent="0.2">
      <c r="B54" s="96" t="s">
        <v>197</v>
      </c>
      <c r="C54" s="40"/>
      <c r="D54" s="40"/>
      <c r="E54" s="40"/>
      <c r="F54" s="40"/>
      <c r="G54" s="40"/>
      <c r="H54" s="40"/>
    </row>
    <row r="55" spans="1:9" ht="11.1" customHeight="1" x14ac:dyDescent="0.2">
      <c r="B55" s="96" t="s">
        <v>198</v>
      </c>
      <c r="C55" s="40"/>
      <c r="D55" s="40"/>
      <c r="E55" s="40"/>
      <c r="F55" s="40"/>
      <c r="G55" s="40"/>
      <c r="H55" s="40"/>
    </row>
    <row r="56" spans="1:9" ht="11.1" customHeight="1" x14ac:dyDescent="0.2">
      <c r="B56" s="95" t="s">
        <v>199</v>
      </c>
      <c r="G56" s="6"/>
    </row>
    <row r="57" spans="1:9" ht="11.1" customHeight="1" x14ac:dyDescent="0.2">
      <c r="B57" s="96" t="s">
        <v>209</v>
      </c>
      <c r="G57" s="6"/>
    </row>
    <row r="58" spans="1:9" ht="11.1" customHeight="1" x14ac:dyDescent="0.2">
      <c r="B58" s="96" t="s">
        <v>210</v>
      </c>
      <c r="G58" s="6"/>
    </row>
    <row r="59" spans="1:9" s="68" customFormat="1" ht="5.0999999999999996" customHeight="1" x14ac:dyDescent="0.15">
      <c r="G59" s="118"/>
      <c r="H59" s="118"/>
    </row>
    <row r="60" spans="1:9" s="67" customFormat="1" ht="14.1" customHeight="1" x14ac:dyDescent="0.2">
      <c r="A60" s="101"/>
      <c r="B60" s="102" t="s">
        <v>44</v>
      </c>
      <c r="C60" s="103"/>
      <c r="D60" s="104" t="s">
        <v>10</v>
      </c>
      <c r="E60" s="104" t="s">
        <v>11</v>
      </c>
      <c r="F60" s="104" t="s">
        <v>147</v>
      </c>
      <c r="G60" s="104" t="s">
        <v>156</v>
      </c>
      <c r="H60" s="125" t="s">
        <v>215</v>
      </c>
      <c r="I60" s="101"/>
    </row>
    <row r="61" spans="1:9" x14ac:dyDescent="0.2">
      <c r="A61" s="6"/>
      <c r="B61" s="11" t="s">
        <v>45</v>
      </c>
      <c r="C61" s="12" t="s">
        <v>13</v>
      </c>
      <c r="D61" s="105">
        <v>1007264</v>
      </c>
      <c r="E61" s="105">
        <v>1150091</v>
      </c>
      <c r="F61" s="105">
        <v>968449</v>
      </c>
      <c r="G61" s="105">
        <v>750499</v>
      </c>
      <c r="H61" s="106">
        <v>654012</v>
      </c>
      <c r="I61" s="6"/>
    </row>
    <row r="62" spans="1:9" ht="14.1" customHeight="1" x14ac:dyDescent="0.2">
      <c r="A62" s="6"/>
      <c r="B62" s="11" t="s">
        <v>46</v>
      </c>
      <c r="C62" s="12" t="s">
        <v>13</v>
      </c>
      <c r="D62" s="105">
        <v>355288</v>
      </c>
      <c r="E62" s="105">
        <v>468473</v>
      </c>
      <c r="F62" s="105">
        <v>320980</v>
      </c>
      <c r="G62" s="105">
        <v>281049</v>
      </c>
      <c r="H62" s="106">
        <v>175169</v>
      </c>
      <c r="I62" s="6"/>
    </row>
    <row r="63" spans="1:9" ht="14.1" customHeight="1" x14ac:dyDescent="0.2">
      <c r="A63" s="6"/>
      <c r="B63" s="11" t="s">
        <v>47</v>
      </c>
      <c r="C63" s="12" t="s">
        <v>13</v>
      </c>
      <c r="D63" s="105">
        <v>174381</v>
      </c>
      <c r="E63" s="105">
        <v>144804</v>
      </c>
      <c r="F63" s="105">
        <v>142520</v>
      </c>
      <c r="G63" s="105">
        <v>136590</v>
      </c>
      <c r="H63" s="106">
        <v>123551</v>
      </c>
      <c r="I63" s="6"/>
    </row>
    <row r="64" spans="1:9" ht="14.1" customHeight="1" x14ac:dyDescent="0.2">
      <c r="A64" s="6"/>
      <c r="B64" s="11" t="s">
        <v>48</v>
      </c>
      <c r="C64" s="12" t="s">
        <v>13</v>
      </c>
      <c r="D64" s="105">
        <v>667933</v>
      </c>
      <c r="E64" s="105">
        <v>925348</v>
      </c>
      <c r="F64" s="105">
        <v>1140892</v>
      </c>
      <c r="G64" s="105">
        <v>1085311</v>
      </c>
      <c r="H64" s="106">
        <v>900759</v>
      </c>
      <c r="I64" s="6"/>
    </row>
    <row r="65" spans="1:9" ht="14.1" customHeight="1" x14ac:dyDescent="0.2">
      <c r="A65" s="6"/>
      <c r="B65" s="11" t="s">
        <v>49</v>
      </c>
      <c r="C65" s="12" t="s">
        <v>13</v>
      </c>
      <c r="D65" s="105">
        <v>273720</v>
      </c>
      <c r="E65" s="105">
        <v>238470</v>
      </c>
      <c r="F65" s="105">
        <v>213415</v>
      </c>
      <c r="G65" s="105">
        <v>208140</v>
      </c>
      <c r="H65" s="106">
        <v>197146</v>
      </c>
      <c r="I65" s="6"/>
    </row>
    <row r="66" spans="1:9" ht="14.1" customHeight="1" x14ac:dyDescent="0.2">
      <c r="A66" s="6"/>
      <c r="B66" s="108" t="s">
        <v>50</v>
      </c>
      <c r="C66" s="19" t="s">
        <v>14</v>
      </c>
      <c r="D66" s="109">
        <v>59.4</v>
      </c>
      <c r="E66" s="109">
        <v>60.7</v>
      </c>
      <c r="F66" s="109">
        <v>65.2</v>
      </c>
      <c r="G66" s="109">
        <v>69.5</v>
      </c>
      <c r="H66" s="126">
        <v>68.099999999999994</v>
      </c>
      <c r="I66" s="6"/>
    </row>
    <row r="67" spans="1:9" ht="11.1" customHeight="1" x14ac:dyDescent="0.2">
      <c r="B67" s="96" t="s">
        <v>195</v>
      </c>
      <c r="C67" s="40"/>
      <c r="D67" s="40"/>
      <c r="E67" s="40"/>
      <c r="F67" s="40"/>
      <c r="G67" s="40"/>
      <c r="H67" s="40"/>
    </row>
    <row r="68" spans="1:9" ht="11.1" customHeight="1" x14ac:dyDescent="0.2">
      <c r="B68" s="95" t="s">
        <v>196</v>
      </c>
      <c r="G68" s="6"/>
    </row>
    <row r="69" spans="1:9" s="68" customFormat="1" ht="5.0999999999999996" customHeight="1" x14ac:dyDescent="0.15">
      <c r="G69" s="118"/>
      <c r="H69" s="118"/>
    </row>
    <row r="70" spans="1:9" s="67" customFormat="1" ht="14.1" customHeight="1" x14ac:dyDescent="0.2">
      <c r="A70" s="101"/>
      <c r="B70" s="102" t="s">
        <v>184</v>
      </c>
      <c r="C70" s="103"/>
      <c r="D70" s="104" t="s">
        <v>10</v>
      </c>
      <c r="E70" s="104" t="s">
        <v>11</v>
      </c>
      <c r="F70" s="104" t="s">
        <v>147</v>
      </c>
      <c r="G70" s="104" t="s">
        <v>158</v>
      </c>
      <c r="H70" s="125" t="s">
        <v>216</v>
      </c>
      <c r="I70" s="101"/>
    </row>
    <row r="71" spans="1:9" ht="13.5" customHeight="1" x14ac:dyDescent="0.2">
      <c r="A71" s="6"/>
      <c r="B71" s="11" t="s">
        <v>221</v>
      </c>
      <c r="C71" s="12" t="s">
        <v>13</v>
      </c>
      <c r="D71" s="105" t="s">
        <v>43</v>
      </c>
      <c r="E71" s="105" t="s">
        <v>43</v>
      </c>
      <c r="F71" s="105" t="s">
        <v>217</v>
      </c>
      <c r="G71" s="105">
        <v>197342</v>
      </c>
      <c r="H71" s="106">
        <v>163814</v>
      </c>
      <c r="I71" s="6"/>
    </row>
    <row r="72" spans="1:9" ht="13.5" customHeight="1" x14ac:dyDescent="0.2">
      <c r="A72" s="6"/>
      <c r="B72" s="11" t="s">
        <v>222</v>
      </c>
      <c r="C72" s="12" t="s">
        <v>13</v>
      </c>
      <c r="D72" s="105" t="s">
        <v>43</v>
      </c>
      <c r="E72" s="105" t="s">
        <v>43</v>
      </c>
      <c r="F72" s="105" t="s">
        <v>217</v>
      </c>
      <c r="G72" s="105">
        <v>296072</v>
      </c>
      <c r="H72" s="106">
        <v>281505</v>
      </c>
      <c r="I72" s="6"/>
    </row>
    <row r="73" spans="1:9" ht="13.5" customHeight="1" x14ac:dyDescent="0.2">
      <c r="A73" s="6"/>
      <c r="B73" s="11" t="s">
        <v>223</v>
      </c>
      <c r="C73" s="12" t="s">
        <v>13</v>
      </c>
      <c r="D73" s="105" t="s">
        <v>43</v>
      </c>
      <c r="E73" s="105" t="s">
        <v>43</v>
      </c>
      <c r="F73" s="105" t="s">
        <v>217</v>
      </c>
      <c r="G73" s="105">
        <v>348451</v>
      </c>
      <c r="H73" s="106">
        <v>310169</v>
      </c>
      <c r="I73" s="6"/>
    </row>
    <row r="74" spans="1:9" ht="13.5" customHeight="1" x14ac:dyDescent="0.2">
      <c r="A74" s="6"/>
      <c r="B74" s="11" t="s">
        <v>224</v>
      </c>
      <c r="C74" s="12" t="s">
        <v>13</v>
      </c>
      <c r="D74" s="105" t="s">
        <v>43</v>
      </c>
      <c r="E74" s="105" t="s">
        <v>43</v>
      </c>
      <c r="F74" s="105" t="s">
        <v>217</v>
      </c>
      <c r="G74" s="105">
        <v>241593</v>
      </c>
      <c r="H74" s="106">
        <v>201377</v>
      </c>
      <c r="I74" s="6"/>
    </row>
    <row r="75" spans="1:9" ht="13.5" customHeight="1" x14ac:dyDescent="0.2">
      <c r="A75" s="6"/>
      <c r="B75" s="11" t="s">
        <v>225</v>
      </c>
      <c r="C75" s="12" t="s">
        <v>13</v>
      </c>
      <c r="D75" s="105" t="s">
        <v>43</v>
      </c>
      <c r="E75" s="105" t="s">
        <v>43</v>
      </c>
      <c r="F75" s="105" t="s">
        <v>220</v>
      </c>
      <c r="G75" s="105">
        <v>216429</v>
      </c>
      <c r="H75" s="106">
        <v>186475</v>
      </c>
      <c r="I75" s="6"/>
    </row>
    <row r="76" spans="1:9" ht="13.5" customHeight="1" x14ac:dyDescent="0.2">
      <c r="A76" s="6"/>
      <c r="B76" s="11" t="s">
        <v>226</v>
      </c>
      <c r="C76" s="12" t="s">
        <v>13</v>
      </c>
      <c r="D76" s="105" t="s">
        <v>43</v>
      </c>
      <c r="E76" s="105" t="s">
        <v>43</v>
      </c>
      <c r="F76" s="105" t="s">
        <v>217</v>
      </c>
      <c r="G76" s="105">
        <v>155422</v>
      </c>
      <c r="H76" s="106">
        <v>102810</v>
      </c>
      <c r="I76" s="6"/>
    </row>
    <row r="77" spans="1:9" ht="13.5" customHeight="1" x14ac:dyDescent="0.2">
      <c r="A77" s="6"/>
      <c r="B77" s="108" t="s">
        <v>227</v>
      </c>
      <c r="C77" s="19" t="s">
        <v>13</v>
      </c>
      <c r="D77" s="113" t="s">
        <v>43</v>
      </c>
      <c r="E77" s="113" t="s">
        <v>43</v>
      </c>
      <c r="F77" s="113" t="s">
        <v>220</v>
      </c>
      <c r="G77" s="113">
        <v>1006280</v>
      </c>
      <c r="H77" s="114">
        <v>804489</v>
      </c>
      <c r="I77" s="6"/>
    </row>
    <row r="78" spans="1:9" s="67" customFormat="1" ht="14.1" customHeight="1" x14ac:dyDescent="0.2">
      <c r="A78" s="101"/>
      <c r="B78" s="148" t="s">
        <v>185</v>
      </c>
      <c r="C78" s="42" t="s">
        <v>13</v>
      </c>
      <c r="D78" s="149" t="s">
        <v>43</v>
      </c>
      <c r="E78" s="149" t="s">
        <v>43</v>
      </c>
      <c r="F78" s="160" t="s">
        <v>217</v>
      </c>
      <c r="G78" s="149">
        <v>2461589</v>
      </c>
      <c r="H78" s="150">
        <v>2050639</v>
      </c>
      <c r="I78" s="101"/>
    </row>
    <row r="79" spans="1:9" s="67" customFormat="1" ht="14.1" customHeight="1" x14ac:dyDescent="0.2">
      <c r="A79" s="101"/>
      <c r="B79" s="161"/>
      <c r="C79" s="162"/>
      <c r="D79" s="160"/>
      <c r="E79" s="160"/>
      <c r="F79" s="160"/>
      <c r="G79" s="160"/>
      <c r="H79" s="163"/>
      <c r="I79" s="101"/>
    </row>
    <row r="80" spans="1:9" ht="13.5" customHeight="1" x14ac:dyDescent="0.2">
      <c r="A80" s="6"/>
      <c r="B80" s="11" t="s">
        <v>166</v>
      </c>
      <c r="C80" s="12" t="s">
        <v>13</v>
      </c>
      <c r="D80" s="105" t="s">
        <v>43</v>
      </c>
      <c r="E80" s="105" t="s">
        <v>43</v>
      </c>
      <c r="F80" s="105">
        <v>982350</v>
      </c>
      <c r="G80" s="105">
        <v>798314</v>
      </c>
      <c r="H80" s="106" t="s">
        <v>217</v>
      </c>
      <c r="I80" s="6"/>
    </row>
    <row r="81" spans="1:9" ht="13.5" customHeight="1" x14ac:dyDescent="0.2">
      <c r="A81" s="6"/>
      <c r="B81" s="11" t="s">
        <v>155</v>
      </c>
      <c r="C81" s="12" t="s">
        <v>13</v>
      </c>
      <c r="D81" s="105" t="s">
        <v>43</v>
      </c>
      <c r="E81" s="105" t="s">
        <v>43</v>
      </c>
      <c r="F81" s="105">
        <v>270881</v>
      </c>
      <c r="G81" s="105">
        <v>155422</v>
      </c>
      <c r="H81" s="106" t="s">
        <v>217</v>
      </c>
      <c r="I81" s="6"/>
    </row>
    <row r="82" spans="1:9" ht="13.5" customHeight="1" x14ac:dyDescent="0.2">
      <c r="A82" s="6"/>
      <c r="B82" s="11" t="s">
        <v>54</v>
      </c>
      <c r="C82" s="12" t="s">
        <v>13</v>
      </c>
      <c r="D82" s="105" t="s">
        <v>43</v>
      </c>
      <c r="E82" s="105" t="s">
        <v>43</v>
      </c>
      <c r="F82" s="105">
        <v>343321</v>
      </c>
      <c r="G82" s="105">
        <v>348451</v>
      </c>
      <c r="H82" s="106" t="s">
        <v>217</v>
      </c>
      <c r="I82" s="6"/>
    </row>
    <row r="83" spans="1:9" ht="13.5" customHeight="1" x14ac:dyDescent="0.2">
      <c r="A83" s="6"/>
      <c r="B83" s="11" t="s">
        <v>168</v>
      </c>
      <c r="C83" s="12" t="s">
        <v>13</v>
      </c>
      <c r="D83" s="105" t="s">
        <v>43</v>
      </c>
      <c r="E83" s="105" t="s">
        <v>43</v>
      </c>
      <c r="F83" s="105">
        <v>416707</v>
      </c>
      <c r="G83" s="105">
        <v>458022</v>
      </c>
      <c r="H83" s="106" t="s">
        <v>217</v>
      </c>
      <c r="I83" s="6"/>
    </row>
    <row r="84" spans="1:9" ht="13.5" customHeight="1" x14ac:dyDescent="0.2">
      <c r="A84" s="6"/>
      <c r="B84" s="11" t="s">
        <v>164</v>
      </c>
      <c r="C84" s="12" t="s">
        <v>13</v>
      </c>
      <c r="D84" s="105" t="s">
        <v>43</v>
      </c>
      <c r="E84" s="105" t="s">
        <v>43</v>
      </c>
      <c r="F84" s="105">
        <v>772997</v>
      </c>
      <c r="G84" s="105">
        <v>701380</v>
      </c>
      <c r="H84" s="106" t="s">
        <v>217</v>
      </c>
      <c r="I84" s="6"/>
    </row>
    <row r="85" spans="1:9" ht="13.5" customHeight="1" x14ac:dyDescent="0.2">
      <c r="A85" s="6"/>
      <c r="B85" s="148" t="s">
        <v>185</v>
      </c>
      <c r="C85" s="42" t="s">
        <v>13</v>
      </c>
      <c r="D85" s="149" t="s">
        <v>43</v>
      </c>
      <c r="E85" s="149" t="s">
        <v>43</v>
      </c>
      <c r="F85" s="149">
        <v>2786256</v>
      </c>
      <c r="G85" s="149">
        <v>2461589</v>
      </c>
      <c r="H85" s="150" t="s">
        <v>218</v>
      </c>
      <c r="I85" s="6"/>
    </row>
    <row r="86" spans="1:9" ht="13.5" customHeight="1" x14ac:dyDescent="0.2">
      <c r="A86" s="6"/>
      <c r="B86" s="69"/>
      <c r="C86" s="12"/>
      <c r="D86" s="105"/>
      <c r="E86" s="105"/>
      <c r="F86" s="105"/>
      <c r="G86" s="105"/>
      <c r="H86" s="106"/>
      <c r="I86" s="6"/>
    </row>
    <row r="87" spans="1:9" ht="13.5" customHeight="1" x14ac:dyDescent="0.2">
      <c r="A87" s="6"/>
      <c r="B87" s="69" t="s">
        <v>51</v>
      </c>
      <c r="C87" s="12" t="s">
        <v>13</v>
      </c>
      <c r="D87" s="105">
        <v>732017</v>
      </c>
      <c r="E87" s="105">
        <v>733317</v>
      </c>
      <c r="F87" s="105">
        <v>670326</v>
      </c>
      <c r="G87" s="105" t="s">
        <v>43</v>
      </c>
      <c r="H87" s="106" t="s">
        <v>217</v>
      </c>
      <c r="I87" s="6"/>
    </row>
    <row r="88" spans="1:9" ht="13.5" customHeight="1" x14ac:dyDescent="0.2">
      <c r="A88" s="6"/>
      <c r="B88" s="69" t="s">
        <v>52</v>
      </c>
      <c r="C88" s="12" t="s">
        <v>13</v>
      </c>
      <c r="D88" s="105">
        <v>309613</v>
      </c>
      <c r="E88" s="105">
        <v>326896</v>
      </c>
      <c r="F88" s="105">
        <v>315022</v>
      </c>
      <c r="G88" s="105" t="s">
        <v>43</v>
      </c>
      <c r="H88" s="106" t="s">
        <v>217</v>
      </c>
      <c r="I88" s="6"/>
    </row>
    <row r="89" spans="1:9" ht="13.5" customHeight="1" x14ac:dyDescent="0.2">
      <c r="A89" s="6"/>
      <c r="B89" s="69" t="s">
        <v>155</v>
      </c>
      <c r="C89" s="12" t="s">
        <v>13</v>
      </c>
      <c r="D89" s="105">
        <v>259895</v>
      </c>
      <c r="E89" s="105">
        <v>439028</v>
      </c>
      <c r="F89" s="105">
        <v>270881</v>
      </c>
      <c r="G89" s="105" t="s">
        <v>43</v>
      </c>
      <c r="H89" s="106" t="s">
        <v>217</v>
      </c>
      <c r="I89" s="6"/>
    </row>
    <row r="90" spans="1:9" ht="13.5" customHeight="1" x14ac:dyDescent="0.2">
      <c r="A90" s="6"/>
      <c r="B90" s="117" t="s">
        <v>54</v>
      </c>
      <c r="C90" s="19" t="s">
        <v>13</v>
      </c>
      <c r="D90" s="113">
        <v>296787</v>
      </c>
      <c r="E90" s="113">
        <v>318856</v>
      </c>
      <c r="F90" s="113">
        <v>340323</v>
      </c>
      <c r="G90" s="113" t="s">
        <v>43</v>
      </c>
      <c r="H90" s="114" t="s">
        <v>217</v>
      </c>
      <c r="I90" s="6"/>
    </row>
    <row r="91" spans="1:9" ht="13.5" customHeight="1" x14ac:dyDescent="0.2">
      <c r="A91" s="6"/>
      <c r="B91" s="11" t="s">
        <v>186</v>
      </c>
      <c r="C91" s="12" t="s">
        <v>13</v>
      </c>
      <c r="D91" s="105">
        <v>1598312</v>
      </c>
      <c r="E91" s="105">
        <v>1818097</v>
      </c>
      <c r="F91" s="105">
        <v>1596552</v>
      </c>
      <c r="G91" s="105" t="s">
        <v>187</v>
      </c>
      <c r="H91" s="106" t="s">
        <v>217</v>
      </c>
      <c r="I91" s="6"/>
    </row>
    <row r="92" spans="1:9" ht="13.5" customHeight="1" x14ac:dyDescent="0.2">
      <c r="A92" s="6"/>
      <c r="B92" s="69" t="s">
        <v>55</v>
      </c>
      <c r="C92" s="12" t="s">
        <v>13</v>
      </c>
      <c r="D92" s="105">
        <v>650847</v>
      </c>
      <c r="E92" s="105">
        <v>814718</v>
      </c>
      <c r="F92" s="105">
        <v>772997</v>
      </c>
      <c r="G92" s="105" t="s">
        <v>43</v>
      </c>
      <c r="H92" s="106" t="s">
        <v>219</v>
      </c>
      <c r="I92" s="6"/>
    </row>
    <row r="93" spans="1:9" ht="13.5" customHeight="1" x14ac:dyDescent="0.2">
      <c r="A93" s="6"/>
      <c r="B93" s="117" t="s">
        <v>56</v>
      </c>
      <c r="C93" s="19" t="s">
        <v>13</v>
      </c>
      <c r="D93" s="113">
        <v>229427</v>
      </c>
      <c r="E93" s="113">
        <v>294371</v>
      </c>
      <c r="F93" s="113">
        <v>416707</v>
      </c>
      <c r="G93" s="113" t="s">
        <v>43</v>
      </c>
      <c r="H93" s="114" t="s">
        <v>217</v>
      </c>
      <c r="I93" s="6"/>
    </row>
    <row r="94" spans="1:9" ht="13.5" customHeight="1" x14ac:dyDescent="0.2">
      <c r="A94" s="6"/>
      <c r="B94" s="151" t="s">
        <v>188</v>
      </c>
      <c r="C94" s="152" t="s">
        <v>13</v>
      </c>
      <c r="D94" s="153">
        <v>880274</v>
      </c>
      <c r="E94" s="153">
        <v>1109089</v>
      </c>
      <c r="F94" s="153">
        <v>1189704</v>
      </c>
      <c r="G94" s="153" t="s">
        <v>187</v>
      </c>
      <c r="H94" s="154" t="s">
        <v>217</v>
      </c>
      <c r="I94" s="6"/>
    </row>
    <row r="95" spans="1:9" ht="13.5" customHeight="1" x14ac:dyDescent="0.2">
      <c r="A95" s="6"/>
      <c r="B95" s="11" t="s">
        <v>185</v>
      </c>
      <c r="C95" s="12" t="s">
        <v>13</v>
      </c>
      <c r="D95" s="105">
        <v>2478586</v>
      </c>
      <c r="E95" s="105">
        <v>2927186</v>
      </c>
      <c r="F95" s="105">
        <v>2786256</v>
      </c>
      <c r="G95" s="105" t="s">
        <v>187</v>
      </c>
      <c r="H95" s="106" t="s">
        <v>217</v>
      </c>
      <c r="I95" s="6"/>
    </row>
    <row r="96" spans="1:9" ht="13.5" customHeight="1" x14ac:dyDescent="0.2">
      <c r="A96" s="6"/>
      <c r="B96" s="142"/>
      <c r="C96" s="6"/>
      <c r="D96" s="6"/>
      <c r="E96" s="6"/>
      <c r="F96" s="6"/>
      <c r="G96" s="6"/>
      <c r="H96" s="143"/>
      <c r="I96" s="6"/>
    </row>
    <row r="97" spans="1:9" ht="13.5" customHeight="1" x14ac:dyDescent="0.2">
      <c r="A97" s="6"/>
      <c r="B97" s="69" t="s">
        <v>57</v>
      </c>
      <c r="C97" s="12" t="s">
        <v>13</v>
      </c>
      <c r="D97" s="105">
        <v>732017</v>
      </c>
      <c r="E97" s="105" t="s">
        <v>43</v>
      </c>
      <c r="F97" s="105" t="s">
        <v>43</v>
      </c>
      <c r="G97" s="105" t="s">
        <v>43</v>
      </c>
      <c r="H97" s="106" t="s">
        <v>217</v>
      </c>
      <c r="I97" s="6"/>
    </row>
    <row r="98" spans="1:9" ht="13.5" customHeight="1" x14ac:dyDescent="0.2">
      <c r="A98" s="6"/>
      <c r="B98" s="69" t="s">
        <v>52</v>
      </c>
      <c r="C98" s="12" t="s">
        <v>13</v>
      </c>
      <c r="D98" s="105">
        <v>309613</v>
      </c>
      <c r="E98" s="105" t="s">
        <v>43</v>
      </c>
      <c r="F98" s="105" t="s">
        <v>43</v>
      </c>
      <c r="G98" s="105" t="s">
        <v>43</v>
      </c>
      <c r="H98" s="106" t="s">
        <v>217</v>
      </c>
      <c r="I98" s="6"/>
    </row>
    <row r="99" spans="1:9" ht="13.5" customHeight="1" x14ac:dyDescent="0.2">
      <c r="A99" s="6"/>
      <c r="B99" s="117" t="s">
        <v>58</v>
      </c>
      <c r="C99" s="19" t="s">
        <v>13</v>
      </c>
      <c r="D99" s="113">
        <v>296787</v>
      </c>
      <c r="E99" s="113" t="s">
        <v>43</v>
      </c>
      <c r="F99" s="113" t="s">
        <v>43</v>
      </c>
      <c r="G99" s="113" t="s">
        <v>43</v>
      </c>
      <c r="H99" s="114" t="s">
        <v>217</v>
      </c>
      <c r="I99" s="6"/>
    </row>
    <row r="100" spans="1:9" ht="13.5" customHeight="1" x14ac:dyDescent="0.2">
      <c r="A100" s="6"/>
      <c r="B100" s="11" t="s">
        <v>189</v>
      </c>
      <c r="C100" s="12" t="s">
        <v>13</v>
      </c>
      <c r="D100" s="105">
        <v>1338417</v>
      </c>
      <c r="E100" s="105" t="s">
        <v>187</v>
      </c>
      <c r="F100" s="105" t="s">
        <v>187</v>
      </c>
      <c r="G100" s="105" t="s">
        <v>187</v>
      </c>
      <c r="H100" s="106" t="s">
        <v>217</v>
      </c>
      <c r="I100" s="6"/>
    </row>
    <row r="101" spans="1:9" ht="13.5" customHeight="1" x14ac:dyDescent="0.2">
      <c r="A101" s="6"/>
      <c r="B101" s="69" t="s">
        <v>55</v>
      </c>
      <c r="C101" s="12" t="s">
        <v>13</v>
      </c>
      <c r="D101" s="105">
        <v>650847</v>
      </c>
      <c r="E101" s="105" t="s">
        <v>43</v>
      </c>
      <c r="F101" s="105" t="s">
        <v>43</v>
      </c>
      <c r="G101" s="105" t="s">
        <v>43</v>
      </c>
      <c r="H101" s="106" t="s">
        <v>217</v>
      </c>
      <c r="I101" s="6"/>
    </row>
    <row r="102" spans="1:9" ht="13.5" customHeight="1" x14ac:dyDescent="0.2">
      <c r="A102" s="6"/>
      <c r="B102" s="69" t="s">
        <v>53</v>
      </c>
      <c r="C102" s="12" t="s">
        <v>13</v>
      </c>
      <c r="D102" s="105">
        <v>259895</v>
      </c>
      <c r="E102" s="105" t="s">
        <v>43</v>
      </c>
      <c r="F102" s="105" t="s">
        <v>43</v>
      </c>
      <c r="G102" s="105" t="s">
        <v>43</v>
      </c>
      <c r="H102" s="106" t="s">
        <v>217</v>
      </c>
      <c r="I102" s="6"/>
    </row>
    <row r="103" spans="1:9" ht="13.5" customHeight="1" x14ac:dyDescent="0.2">
      <c r="A103" s="6"/>
      <c r="B103" s="117" t="s">
        <v>59</v>
      </c>
      <c r="C103" s="19" t="s">
        <v>13</v>
      </c>
      <c r="D103" s="113">
        <v>229427</v>
      </c>
      <c r="E103" s="113" t="s">
        <v>43</v>
      </c>
      <c r="F103" s="113" t="s">
        <v>43</v>
      </c>
      <c r="G103" s="113" t="s">
        <v>43</v>
      </c>
      <c r="H103" s="114" t="s">
        <v>217</v>
      </c>
      <c r="I103" s="6"/>
    </row>
    <row r="104" spans="1:9" ht="13.5" customHeight="1" x14ac:dyDescent="0.2">
      <c r="A104" s="6"/>
      <c r="B104" s="151" t="s">
        <v>190</v>
      </c>
      <c r="C104" s="152" t="s">
        <v>13</v>
      </c>
      <c r="D104" s="153">
        <v>1140169</v>
      </c>
      <c r="E104" s="153" t="s">
        <v>187</v>
      </c>
      <c r="F104" s="153" t="s">
        <v>187</v>
      </c>
      <c r="G104" s="153" t="s">
        <v>187</v>
      </c>
      <c r="H104" s="154" t="s">
        <v>217</v>
      </c>
      <c r="I104" s="6"/>
    </row>
    <row r="105" spans="1:9" ht="13.5" customHeight="1" x14ac:dyDescent="0.2">
      <c r="A105" s="6"/>
      <c r="B105" s="108" t="s">
        <v>191</v>
      </c>
      <c r="C105" s="19" t="s">
        <v>13</v>
      </c>
      <c r="D105" s="113">
        <v>2478586</v>
      </c>
      <c r="E105" s="113" t="s">
        <v>187</v>
      </c>
      <c r="F105" s="113" t="s">
        <v>187</v>
      </c>
      <c r="G105" s="113" t="s">
        <v>187</v>
      </c>
      <c r="H105" s="114" t="s">
        <v>217</v>
      </c>
      <c r="I105" s="6"/>
    </row>
    <row r="106" spans="1:9" ht="11.1" customHeight="1" x14ac:dyDescent="0.2">
      <c r="B106" s="155" t="s">
        <v>192</v>
      </c>
      <c r="C106" s="155"/>
      <c r="D106" s="155"/>
      <c r="E106" s="155"/>
      <c r="F106" s="155"/>
      <c r="G106" s="96"/>
      <c r="H106" s="96"/>
    </row>
    <row r="107" spans="1:9" ht="11.1" customHeight="1" x14ac:dyDescent="0.2">
      <c r="B107" s="155" t="s">
        <v>193</v>
      </c>
      <c r="C107" s="155"/>
      <c r="D107" s="155"/>
      <c r="E107" s="155"/>
      <c r="F107" s="155"/>
      <c r="G107" s="96"/>
      <c r="H107" s="96"/>
    </row>
    <row r="108" spans="1:9" ht="11.1" customHeight="1" x14ac:dyDescent="0.2">
      <c r="B108" s="155" t="s">
        <v>194</v>
      </c>
      <c r="C108" s="155"/>
      <c r="D108" s="155"/>
      <c r="E108" s="155"/>
      <c r="F108" s="155"/>
      <c r="G108" s="96"/>
      <c r="H108" s="96"/>
    </row>
    <row r="109" spans="1:9" ht="11.1" customHeight="1" x14ac:dyDescent="0.2">
      <c r="B109" s="155" t="s">
        <v>228</v>
      </c>
      <c r="C109" s="155"/>
      <c r="D109" s="155"/>
      <c r="E109" s="155"/>
      <c r="F109" s="155"/>
      <c r="G109" s="96"/>
      <c r="H109" s="96"/>
    </row>
    <row r="110" spans="1:9" s="68" customFormat="1" ht="5.0999999999999996" customHeight="1" x14ac:dyDescent="0.15">
      <c r="G110" s="118"/>
      <c r="H110" s="118"/>
    </row>
    <row r="111" spans="1:9" s="67" customFormat="1" ht="14.1" customHeight="1" x14ac:dyDescent="0.2">
      <c r="A111" s="101"/>
      <c r="B111" s="102" t="s">
        <v>60</v>
      </c>
      <c r="C111" s="103"/>
      <c r="D111" s="104" t="s">
        <v>10</v>
      </c>
      <c r="E111" s="104" t="s">
        <v>11</v>
      </c>
      <c r="F111" s="104" t="s">
        <v>149</v>
      </c>
      <c r="G111" s="104" t="s">
        <v>159</v>
      </c>
      <c r="H111" s="125" t="s">
        <v>215</v>
      </c>
      <c r="I111" s="101"/>
    </row>
    <row r="112" spans="1:9" ht="13.5" customHeight="1" x14ac:dyDescent="0.2">
      <c r="A112" s="6"/>
      <c r="B112" s="108" t="s">
        <v>61</v>
      </c>
      <c r="C112" s="19" t="s">
        <v>62</v>
      </c>
      <c r="D112" s="113">
        <v>50647</v>
      </c>
      <c r="E112" s="113">
        <v>50253</v>
      </c>
      <c r="F112" s="113">
        <v>49096</v>
      </c>
      <c r="G112" s="113">
        <v>43511</v>
      </c>
      <c r="H112" s="114">
        <v>41898</v>
      </c>
      <c r="I112" s="6"/>
    </row>
    <row r="113" spans="2:8" ht="11.1" customHeight="1" x14ac:dyDescent="0.2">
      <c r="B113" s="96" t="s">
        <v>129</v>
      </c>
      <c r="C113" s="40"/>
      <c r="D113" s="40"/>
      <c r="E113" s="40"/>
      <c r="F113" s="40"/>
      <c r="G113" s="40"/>
      <c r="H113" s="40"/>
    </row>
  </sheetData>
  <phoneticPr fontId="1"/>
  <pageMargins left="0.59055118110236227" right="0.59055118110236227" top="0.39370078740157483" bottom="0.39370078740157483" header="0.51181102362204722" footer="0.51181102362204722"/>
  <pageSetup paperSize="9" fitToHeight="2" orientation="landscape" horizontalDpi="300" verticalDpi="300" r:id="rId1"/>
  <headerFooter alignWithMargins="0"/>
  <rowBreaks count="3" manualBreakCount="3">
    <brk id="45" max="16383" man="1"/>
    <brk id="69" min="1" max="7" man="1"/>
    <brk id="110"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75"/>
  <sheetViews>
    <sheetView showGridLines="0" topLeftCell="A49"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5" t="s">
        <v>138</v>
      </c>
    </row>
    <row r="2" spans="1:9" x14ac:dyDescent="0.2">
      <c r="F2" s="14"/>
      <c r="G2" s="14"/>
      <c r="H2" s="14" t="s">
        <v>69</v>
      </c>
    </row>
    <row r="3" spans="1:9" ht="18" customHeight="1" x14ac:dyDescent="0.2">
      <c r="A3" s="6"/>
      <c r="B3" s="79"/>
      <c r="C3" s="3"/>
      <c r="D3" s="44" t="s">
        <v>10</v>
      </c>
      <c r="E3" s="44" t="s">
        <v>11</v>
      </c>
      <c r="F3" s="44" t="s">
        <v>148</v>
      </c>
      <c r="G3" s="44" t="s">
        <v>159</v>
      </c>
      <c r="H3" s="80" t="s">
        <v>213</v>
      </c>
      <c r="I3" s="6"/>
    </row>
    <row r="4" spans="1:9" ht="18" customHeight="1" x14ac:dyDescent="0.2">
      <c r="A4" s="6"/>
      <c r="B4" s="81" t="s">
        <v>130</v>
      </c>
      <c r="C4" s="6"/>
      <c r="D4" s="82"/>
      <c r="E4" s="82"/>
      <c r="F4" s="120"/>
      <c r="G4" s="120"/>
      <c r="H4" s="83"/>
      <c r="I4" s="6"/>
    </row>
    <row r="5" spans="1:9" ht="18" customHeight="1" x14ac:dyDescent="0.2">
      <c r="A5" s="6"/>
      <c r="B5" s="84" t="s">
        <v>289</v>
      </c>
      <c r="C5" s="12"/>
      <c r="D5" s="33" t="s">
        <v>283</v>
      </c>
      <c r="E5" s="33" t="s">
        <v>283</v>
      </c>
      <c r="F5" s="33" t="s">
        <v>283</v>
      </c>
      <c r="G5" s="33">
        <v>197407</v>
      </c>
      <c r="H5" s="85">
        <v>164777</v>
      </c>
      <c r="I5" s="6"/>
    </row>
    <row r="6" spans="1:9" ht="18" customHeight="1" x14ac:dyDescent="0.2">
      <c r="A6" s="6"/>
      <c r="B6" s="84" t="s">
        <v>290</v>
      </c>
      <c r="C6" s="12"/>
      <c r="D6" s="33" t="s">
        <v>283</v>
      </c>
      <c r="E6" s="33" t="s">
        <v>283</v>
      </c>
      <c r="F6" s="33" t="s">
        <v>283</v>
      </c>
      <c r="G6" s="33">
        <v>298201</v>
      </c>
      <c r="H6" s="85">
        <v>282177</v>
      </c>
      <c r="I6" s="6"/>
    </row>
    <row r="7" spans="1:9" ht="18" customHeight="1" x14ac:dyDescent="0.2">
      <c r="A7" s="6"/>
      <c r="B7" s="84" t="s">
        <v>291</v>
      </c>
      <c r="C7" s="12"/>
      <c r="D7" s="33" t="s">
        <v>283</v>
      </c>
      <c r="E7" s="33" t="s">
        <v>283</v>
      </c>
      <c r="F7" s="33" t="s">
        <v>283</v>
      </c>
      <c r="G7" s="33">
        <v>355196</v>
      </c>
      <c r="H7" s="85">
        <v>317780</v>
      </c>
      <c r="I7" s="6"/>
    </row>
    <row r="8" spans="1:9" ht="18" customHeight="1" x14ac:dyDescent="0.2">
      <c r="A8" s="6"/>
      <c r="B8" s="84" t="s">
        <v>292</v>
      </c>
      <c r="C8" s="12"/>
      <c r="D8" s="33" t="s">
        <v>283</v>
      </c>
      <c r="E8" s="33" t="s">
        <v>283</v>
      </c>
      <c r="F8" s="33" t="s">
        <v>283</v>
      </c>
      <c r="G8" s="33">
        <v>245041</v>
      </c>
      <c r="H8" s="85">
        <v>204738</v>
      </c>
      <c r="I8" s="6"/>
    </row>
    <row r="9" spans="1:9" ht="18" customHeight="1" x14ac:dyDescent="0.2">
      <c r="A9" s="6"/>
      <c r="B9" s="84" t="s">
        <v>293</v>
      </c>
      <c r="C9" s="12"/>
      <c r="D9" s="33" t="s">
        <v>283</v>
      </c>
      <c r="E9" s="33" t="s">
        <v>283</v>
      </c>
      <c r="F9" s="33" t="s">
        <v>283</v>
      </c>
      <c r="G9" s="33">
        <v>244988</v>
      </c>
      <c r="H9" s="85">
        <v>208900</v>
      </c>
      <c r="I9" s="6"/>
    </row>
    <row r="10" spans="1:9" ht="18" customHeight="1" x14ac:dyDescent="0.2">
      <c r="A10" s="6"/>
      <c r="B10" s="84" t="s">
        <v>294</v>
      </c>
      <c r="C10" s="12"/>
      <c r="D10" s="33" t="s">
        <v>283</v>
      </c>
      <c r="E10" s="33" t="s">
        <v>283</v>
      </c>
      <c r="F10" s="33" t="s">
        <v>283</v>
      </c>
      <c r="G10" s="33">
        <v>156834</v>
      </c>
      <c r="H10" s="85">
        <v>103669</v>
      </c>
      <c r="I10" s="6"/>
    </row>
    <row r="11" spans="1:9" ht="18" customHeight="1" x14ac:dyDescent="0.2">
      <c r="A11" s="6"/>
      <c r="B11" s="84" t="s">
        <v>295</v>
      </c>
      <c r="C11" s="12"/>
      <c r="D11" s="33" t="s">
        <v>283</v>
      </c>
      <c r="E11" s="33" t="s">
        <v>283</v>
      </c>
      <c r="F11" s="33" t="s">
        <v>283</v>
      </c>
      <c r="G11" s="33">
        <v>1086673</v>
      </c>
      <c r="H11" s="85">
        <v>842010</v>
      </c>
      <c r="I11" s="6"/>
    </row>
    <row r="12" spans="1:9" ht="18" customHeight="1" x14ac:dyDescent="0.2">
      <c r="A12" s="6"/>
      <c r="B12" s="84" t="s">
        <v>139</v>
      </c>
      <c r="C12" s="12"/>
      <c r="D12" s="36" t="s">
        <v>283</v>
      </c>
      <c r="E12" s="36" t="s">
        <v>283</v>
      </c>
      <c r="F12" s="36" t="s">
        <v>283</v>
      </c>
      <c r="G12" s="36">
        <v>2584340</v>
      </c>
      <c r="H12" s="86">
        <v>2124054</v>
      </c>
      <c r="I12" s="6"/>
    </row>
    <row r="13" spans="1:9" ht="18" customHeight="1" x14ac:dyDescent="0.2">
      <c r="A13" s="6"/>
      <c r="B13" s="84" t="s">
        <v>182</v>
      </c>
      <c r="C13" s="12"/>
      <c r="D13" s="36" t="s">
        <v>283</v>
      </c>
      <c r="E13" s="36" t="s">
        <v>283</v>
      </c>
      <c r="F13" s="36" t="s">
        <v>283</v>
      </c>
      <c r="G13" s="36">
        <v>-122751</v>
      </c>
      <c r="H13" s="86">
        <v>-73415</v>
      </c>
      <c r="I13" s="6"/>
    </row>
    <row r="14" spans="1:9" ht="18" customHeight="1" x14ac:dyDescent="0.2">
      <c r="A14" s="6"/>
      <c r="B14" s="84" t="s">
        <v>140</v>
      </c>
      <c r="C14" s="12"/>
      <c r="D14" s="34" t="s">
        <v>283</v>
      </c>
      <c r="E14" s="34" t="s">
        <v>283</v>
      </c>
      <c r="F14" s="34" t="s">
        <v>283</v>
      </c>
      <c r="G14" s="34">
        <v>2461589</v>
      </c>
      <c r="H14" s="87">
        <v>2050639</v>
      </c>
      <c r="I14" s="6"/>
    </row>
    <row r="15" spans="1:9" ht="18" customHeight="1" x14ac:dyDescent="0.2">
      <c r="A15" s="6"/>
      <c r="B15" s="81" t="s">
        <v>171</v>
      </c>
      <c r="C15" s="6"/>
      <c r="D15" s="82"/>
      <c r="E15" s="82"/>
      <c r="F15" s="82"/>
      <c r="G15" s="82"/>
      <c r="H15" s="132"/>
      <c r="I15" s="6"/>
    </row>
    <row r="16" spans="1:9" ht="18" customHeight="1" x14ac:dyDescent="0.2">
      <c r="A16" s="6"/>
      <c r="B16" s="84" t="s">
        <v>289</v>
      </c>
      <c r="C16" s="12"/>
      <c r="D16" s="33" t="s">
        <v>283</v>
      </c>
      <c r="E16" s="33" t="s">
        <v>283</v>
      </c>
      <c r="F16" s="33" t="s">
        <v>283</v>
      </c>
      <c r="G16" s="33">
        <v>14505</v>
      </c>
      <c r="H16" s="85">
        <v>16303</v>
      </c>
      <c r="I16" s="6"/>
    </row>
    <row r="17" spans="1:9" ht="18" customHeight="1" x14ac:dyDescent="0.2">
      <c r="A17" s="6"/>
      <c r="B17" s="84" t="s">
        <v>290</v>
      </c>
      <c r="C17" s="12"/>
      <c r="D17" s="33" t="s">
        <v>296</v>
      </c>
      <c r="E17" s="33" t="s">
        <v>296</v>
      </c>
      <c r="F17" s="33" t="s">
        <v>296</v>
      </c>
      <c r="G17" s="33">
        <v>11750</v>
      </c>
      <c r="H17" s="85">
        <v>29907</v>
      </c>
      <c r="I17" s="6"/>
    </row>
    <row r="18" spans="1:9" ht="18" customHeight="1" x14ac:dyDescent="0.2">
      <c r="A18" s="6"/>
      <c r="B18" s="84" t="s">
        <v>291</v>
      </c>
      <c r="C18" s="12"/>
      <c r="D18" s="33" t="s">
        <v>283</v>
      </c>
      <c r="E18" s="33" t="s">
        <v>283</v>
      </c>
      <c r="F18" s="33" t="s">
        <v>283</v>
      </c>
      <c r="G18" s="33">
        <v>35814</v>
      </c>
      <c r="H18" s="85">
        <v>22536</v>
      </c>
      <c r="I18" s="6"/>
    </row>
    <row r="19" spans="1:9" ht="18" customHeight="1" x14ac:dyDescent="0.2">
      <c r="A19" s="6"/>
      <c r="B19" s="84" t="s">
        <v>292</v>
      </c>
      <c r="C19" s="12"/>
      <c r="D19" s="33" t="s">
        <v>283</v>
      </c>
      <c r="E19" s="33" t="s">
        <v>283</v>
      </c>
      <c r="F19" s="33" t="s">
        <v>283</v>
      </c>
      <c r="G19" s="33">
        <v>9110</v>
      </c>
      <c r="H19" s="85">
        <v>1307</v>
      </c>
      <c r="I19" s="6"/>
    </row>
    <row r="20" spans="1:9" ht="18" customHeight="1" x14ac:dyDescent="0.2">
      <c r="A20" s="6"/>
      <c r="B20" s="84" t="s">
        <v>293</v>
      </c>
      <c r="C20" s="12"/>
      <c r="D20" s="33" t="s">
        <v>283</v>
      </c>
      <c r="E20" s="33" t="s">
        <v>283</v>
      </c>
      <c r="F20" s="33" t="s">
        <v>283</v>
      </c>
      <c r="G20" s="33">
        <v>-7619</v>
      </c>
      <c r="H20" s="85">
        <v>6747</v>
      </c>
      <c r="I20" s="6"/>
    </row>
    <row r="21" spans="1:9" ht="18" customHeight="1" x14ac:dyDescent="0.2">
      <c r="A21" s="6"/>
      <c r="B21" s="84" t="s">
        <v>294</v>
      </c>
      <c r="C21" s="12"/>
      <c r="D21" s="33" t="s">
        <v>283</v>
      </c>
      <c r="E21" s="33" t="s">
        <v>283</v>
      </c>
      <c r="F21" s="33" t="s">
        <v>283</v>
      </c>
      <c r="G21" s="33">
        <v>-18425</v>
      </c>
      <c r="H21" s="85">
        <v>2209</v>
      </c>
      <c r="I21" s="6"/>
    </row>
    <row r="22" spans="1:9" ht="18" customHeight="1" x14ac:dyDescent="0.2">
      <c r="A22" s="6"/>
      <c r="B22" s="84" t="s">
        <v>295</v>
      </c>
      <c r="C22" s="12"/>
      <c r="D22" s="33" t="s">
        <v>283</v>
      </c>
      <c r="E22" s="33" t="s">
        <v>283</v>
      </c>
      <c r="F22" s="33" t="s">
        <v>283</v>
      </c>
      <c r="G22" s="33">
        <v>-177258</v>
      </c>
      <c r="H22" s="85">
        <v>3552</v>
      </c>
      <c r="I22" s="6"/>
    </row>
    <row r="23" spans="1:9" ht="18" customHeight="1" x14ac:dyDescent="0.2">
      <c r="A23" s="6"/>
      <c r="B23" s="84" t="s">
        <v>139</v>
      </c>
      <c r="C23" s="12"/>
      <c r="D23" s="36" t="s">
        <v>283</v>
      </c>
      <c r="E23" s="36" t="s">
        <v>283</v>
      </c>
      <c r="F23" s="36" t="s">
        <v>283</v>
      </c>
      <c r="G23" s="36">
        <v>-132123</v>
      </c>
      <c r="H23" s="86">
        <v>82564</v>
      </c>
      <c r="I23" s="6"/>
    </row>
    <row r="24" spans="1:9" ht="18" customHeight="1" x14ac:dyDescent="0.2">
      <c r="A24" s="6"/>
      <c r="B24" s="84" t="s">
        <v>182</v>
      </c>
      <c r="C24" s="12"/>
      <c r="D24" s="36" t="s">
        <v>283</v>
      </c>
      <c r="E24" s="36" t="s">
        <v>283</v>
      </c>
      <c r="F24" s="36" t="s">
        <v>283</v>
      </c>
      <c r="G24" s="36">
        <v>-29844</v>
      </c>
      <c r="H24" s="86">
        <v>-20109</v>
      </c>
      <c r="I24" s="6"/>
    </row>
    <row r="25" spans="1:9" ht="18" customHeight="1" x14ac:dyDescent="0.2">
      <c r="A25" s="6"/>
      <c r="B25" s="91" t="s">
        <v>140</v>
      </c>
      <c r="C25" s="92"/>
      <c r="D25" s="38" t="s">
        <v>283</v>
      </c>
      <c r="E25" s="38" t="s">
        <v>283</v>
      </c>
      <c r="F25" s="38" t="s">
        <v>283</v>
      </c>
      <c r="G25" s="38">
        <v>-161967</v>
      </c>
      <c r="H25" s="133">
        <v>62454</v>
      </c>
      <c r="I25" s="6"/>
    </row>
    <row r="26" spans="1:9" x14ac:dyDescent="0.2">
      <c r="F26" s="14"/>
      <c r="G26" s="14"/>
      <c r="H26" s="14" t="s">
        <v>69</v>
      </c>
    </row>
    <row r="27" spans="1:9" ht="18" customHeight="1" x14ac:dyDescent="0.2">
      <c r="A27" s="6"/>
      <c r="B27" s="79"/>
      <c r="C27" s="3"/>
      <c r="D27" s="44" t="s">
        <v>10</v>
      </c>
      <c r="E27" s="44" t="s">
        <v>11</v>
      </c>
      <c r="F27" s="44" t="s">
        <v>148</v>
      </c>
      <c r="G27" s="44" t="s">
        <v>156</v>
      </c>
      <c r="H27" s="80" t="s">
        <v>213</v>
      </c>
      <c r="I27" s="6"/>
    </row>
    <row r="28" spans="1:9" ht="18" customHeight="1" x14ac:dyDescent="0.2">
      <c r="A28" s="6"/>
      <c r="B28" s="81" t="s">
        <v>332</v>
      </c>
      <c r="C28" s="6"/>
      <c r="D28" s="82"/>
      <c r="E28" s="82"/>
      <c r="F28" s="120"/>
      <c r="G28" s="120"/>
      <c r="H28" s="83"/>
      <c r="I28" s="6"/>
    </row>
    <row r="29" spans="1:9" ht="18" customHeight="1" x14ac:dyDescent="0.2">
      <c r="A29" s="6"/>
      <c r="B29" s="84" t="s">
        <v>165</v>
      </c>
      <c r="C29" s="12"/>
      <c r="D29" s="33" t="s">
        <v>151</v>
      </c>
      <c r="E29" s="33" t="s">
        <v>151</v>
      </c>
      <c r="F29" s="33">
        <v>982793</v>
      </c>
      <c r="G29" s="33">
        <v>810733</v>
      </c>
      <c r="H29" s="85" t="s">
        <v>283</v>
      </c>
      <c r="I29" s="6"/>
    </row>
    <row r="30" spans="1:9" ht="18" customHeight="1" x14ac:dyDescent="0.2">
      <c r="A30" s="6"/>
      <c r="B30" s="84" t="s">
        <v>169</v>
      </c>
      <c r="C30" s="12"/>
      <c r="D30" s="33" t="s">
        <v>151</v>
      </c>
      <c r="E30" s="33" t="s">
        <v>151</v>
      </c>
      <c r="F30" s="33">
        <v>270876</v>
      </c>
      <c r="G30" s="33">
        <v>156834</v>
      </c>
      <c r="H30" s="85" t="s">
        <v>283</v>
      </c>
      <c r="I30" s="6"/>
    </row>
    <row r="31" spans="1:9" ht="18" customHeight="1" x14ac:dyDescent="0.2">
      <c r="A31" s="6"/>
      <c r="B31" s="84" t="s">
        <v>54</v>
      </c>
      <c r="C31" s="12"/>
      <c r="D31" s="33" t="s">
        <v>151</v>
      </c>
      <c r="E31" s="33" t="s">
        <v>151</v>
      </c>
      <c r="F31" s="33">
        <v>343333</v>
      </c>
      <c r="G31" s="33">
        <v>355196</v>
      </c>
      <c r="H31" s="85" t="s">
        <v>283</v>
      </c>
      <c r="I31" s="6"/>
    </row>
    <row r="32" spans="1:9" ht="18" customHeight="1" x14ac:dyDescent="0.2">
      <c r="A32" s="6"/>
      <c r="B32" s="84" t="s">
        <v>167</v>
      </c>
      <c r="C32" s="12"/>
      <c r="D32" s="33" t="s">
        <v>151</v>
      </c>
      <c r="E32" s="33" t="s">
        <v>151</v>
      </c>
      <c r="F32" s="33">
        <v>466637</v>
      </c>
      <c r="G32" s="33">
        <v>490029</v>
      </c>
      <c r="H32" s="85" t="s">
        <v>283</v>
      </c>
      <c r="I32" s="6"/>
    </row>
    <row r="33" spans="1:9" ht="18" customHeight="1" x14ac:dyDescent="0.2">
      <c r="A33" s="6"/>
      <c r="B33" s="84" t="s">
        <v>163</v>
      </c>
      <c r="C33" s="12"/>
      <c r="D33" s="33" t="s">
        <v>151</v>
      </c>
      <c r="E33" s="33" t="s">
        <v>151</v>
      </c>
      <c r="F33" s="33">
        <v>907143</v>
      </c>
      <c r="G33" s="33">
        <v>771548</v>
      </c>
      <c r="H33" s="85" t="s">
        <v>283</v>
      </c>
      <c r="I33" s="6"/>
    </row>
    <row r="34" spans="1:9" ht="18" customHeight="1" x14ac:dyDescent="0.2">
      <c r="A34" s="6"/>
      <c r="B34" s="84" t="s">
        <v>139</v>
      </c>
      <c r="C34" s="12"/>
      <c r="D34" s="36" t="s">
        <v>151</v>
      </c>
      <c r="E34" s="36" t="s">
        <v>151</v>
      </c>
      <c r="F34" s="36">
        <v>2970782</v>
      </c>
      <c r="G34" s="36">
        <v>2584340</v>
      </c>
      <c r="H34" s="86" t="s">
        <v>283</v>
      </c>
      <c r="I34" s="6"/>
    </row>
    <row r="35" spans="1:9" ht="18" customHeight="1" x14ac:dyDescent="0.2">
      <c r="A35" s="6"/>
      <c r="B35" s="84" t="s">
        <v>182</v>
      </c>
      <c r="C35" s="12"/>
      <c r="D35" s="36" t="s">
        <v>151</v>
      </c>
      <c r="E35" s="36" t="s">
        <v>151</v>
      </c>
      <c r="F35" s="36">
        <v>-184526</v>
      </c>
      <c r="G35" s="36">
        <v>-122751</v>
      </c>
      <c r="H35" s="86" t="s">
        <v>283</v>
      </c>
      <c r="I35" s="6"/>
    </row>
    <row r="36" spans="1:9" ht="18" customHeight="1" x14ac:dyDescent="0.2">
      <c r="A36" s="6"/>
      <c r="B36" s="84" t="s">
        <v>140</v>
      </c>
      <c r="C36" s="12"/>
      <c r="D36" s="34" t="s">
        <v>151</v>
      </c>
      <c r="E36" s="34" t="s">
        <v>151</v>
      </c>
      <c r="F36" s="34">
        <v>2786256</v>
      </c>
      <c r="G36" s="34">
        <v>2461589</v>
      </c>
      <c r="H36" s="87" t="s">
        <v>283</v>
      </c>
      <c r="I36" s="6"/>
    </row>
    <row r="37" spans="1:9" ht="18" customHeight="1" x14ac:dyDescent="0.2">
      <c r="A37" s="6"/>
      <c r="B37" s="81" t="s">
        <v>333</v>
      </c>
      <c r="C37" s="6"/>
      <c r="D37" s="82"/>
      <c r="E37" s="82"/>
      <c r="F37" s="82"/>
      <c r="G37" s="82"/>
      <c r="H37" s="132"/>
      <c r="I37" s="6"/>
    </row>
    <row r="38" spans="1:9" ht="18" customHeight="1" x14ac:dyDescent="0.2">
      <c r="A38" s="6"/>
      <c r="B38" s="84" t="s">
        <v>165</v>
      </c>
      <c r="C38" s="12"/>
      <c r="D38" s="33" t="s">
        <v>151</v>
      </c>
      <c r="E38" s="33" t="s">
        <v>151</v>
      </c>
      <c r="F38" s="33">
        <v>19083</v>
      </c>
      <c r="G38" s="33">
        <v>-21830</v>
      </c>
      <c r="H38" s="85" t="s">
        <v>283</v>
      </c>
      <c r="I38" s="6"/>
    </row>
    <row r="39" spans="1:9" ht="18" customHeight="1" x14ac:dyDescent="0.2">
      <c r="A39" s="6"/>
      <c r="B39" s="84" t="s">
        <v>169</v>
      </c>
      <c r="C39" s="12"/>
      <c r="D39" s="33" t="s">
        <v>151</v>
      </c>
      <c r="E39" s="33" t="s">
        <v>151</v>
      </c>
      <c r="F39" s="33">
        <v>-62679</v>
      </c>
      <c r="G39" s="33">
        <v>-18425</v>
      </c>
      <c r="H39" s="85" t="s">
        <v>283</v>
      </c>
      <c r="I39" s="6"/>
    </row>
    <row r="40" spans="1:9" ht="18" customHeight="1" x14ac:dyDescent="0.2">
      <c r="A40" s="6"/>
      <c r="B40" s="84" t="s">
        <v>54</v>
      </c>
      <c r="C40" s="12"/>
      <c r="D40" s="33" t="s">
        <v>151</v>
      </c>
      <c r="E40" s="33" t="s">
        <v>151</v>
      </c>
      <c r="F40" s="33">
        <v>31301</v>
      </c>
      <c r="G40" s="33">
        <v>35814</v>
      </c>
      <c r="H40" s="85" t="s">
        <v>283</v>
      </c>
      <c r="I40" s="6"/>
    </row>
    <row r="41" spans="1:9" ht="18" customHeight="1" x14ac:dyDescent="0.2">
      <c r="A41" s="6"/>
      <c r="B41" s="84" t="s">
        <v>167</v>
      </c>
      <c r="C41" s="12"/>
      <c r="D41" s="33" t="s">
        <v>151</v>
      </c>
      <c r="E41" s="33" t="s">
        <v>151</v>
      </c>
      <c r="F41" s="33">
        <v>676</v>
      </c>
      <c r="G41" s="33">
        <v>1491</v>
      </c>
      <c r="H41" s="85" t="s">
        <v>283</v>
      </c>
      <c r="I41" s="6"/>
    </row>
    <row r="42" spans="1:9" ht="18" customHeight="1" x14ac:dyDescent="0.2">
      <c r="A42" s="6"/>
      <c r="B42" s="84" t="s">
        <v>163</v>
      </c>
      <c r="C42" s="12"/>
      <c r="D42" s="33" t="s">
        <v>151</v>
      </c>
      <c r="E42" s="33" t="s">
        <v>151</v>
      </c>
      <c r="F42" s="33">
        <v>594</v>
      </c>
      <c r="G42" s="33">
        <v>-129173</v>
      </c>
      <c r="H42" s="85" t="s">
        <v>283</v>
      </c>
      <c r="I42" s="6"/>
    </row>
    <row r="43" spans="1:9" ht="18" customHeight="1" x14ac:dyDescent="0.2">
      <c r="A43" s="6"/>
      <c r="B43" s="84" t="s">
        <v>139</v>
      </c>
      <c r="C43" s="12"/>
      <c r="D43" s="36" t="s">
        <v>151</v>
      </c>
      <c r="E43" s="36" t="s">
        <v>151</v>
      </c>
      <c r="F43" s="36">
        <v>-11025</v>
      </c>
      <c r="G43" s="36">
        <v>-132123</v>
      </c>
      <c r="H43" s="86" t="s">
        <v>283</v>
      </c>
      <c r="I43" s="6"/>
    </row>
    <row r="44" spans="1:9" ht="18" customHeight="1" x14ac:dyDescent="0.2">
      <c r="A44" s="6"/>
      <c r="B44" s="84" t="s">
        <v>182</v>
      </c>
      <c r="C44" s="12"/>
      <c r="D44" s="36" t="s">
        <v>151</v>
      </c>
      <c r="E44" s="36" t="s">
        <v>151</v>
      </c>
      <c r="F44" s="36">
        <v>-37040</v>
      </c>
      <c r="G44" s="36">
        <v>-29844</v>
      </c>
      <c r="H44" s="86" t="s">
        <v>283</v>
      </c>
      <c r="I44" s="6"/>
    </row>
    <row r="45" spans="1:9" ht="18" customHeight="1" x14ac:dyDescent="0.2">
      <c r="A45" s="6"/>
      <c r="B45" s="91" t="s">
        <v>140</v>
      </c>
      <c r="C45" s="92"/>
      <c r="D45" s="38" t="s">
        <v>151</v>
      </c>
      <c r="E45" s="38" t="s">
        <v>151</v>
      </c>
      <c r="F45" s="38">
        <v>-48065</v>
      </c>
      <c r="G45" s="38">
        <v>-161967</v>
      </c>
      <c r="H45" s="133" t="s">
        <v>283</v>
      </c>
      <c r="I45" s="6"/>
    </row>
    <row r="46" spans="1:9" x14ac:dyDescent="0.2">
      <c r="F46" s="14"/>
      <c r="G46" s="14"/>
      <c r="H46" s="165" t="s">
        <v>69</v>
      </c>
    </row>
    <row r="47" spans="1:9" ht="18" customHeight="1" x14ac:dyDescent="0.2">
      <c r="A47" s="6"/>
      <c r="B47" s="79"/>
      <c r="C47" s="3"/>
      <c r="D47" s="44" t="s">
        <v>10</v>
      </c>
      <c r="E47" s="44" t="s">
        <v>11</v>
      </c>
      <c r="F47" s="44" t="s">
        <v>148</v>
      </c>
      <c r="G47" s="44" t="s">
        <v>170</v>
      </c>
      <c r="H47" s="80" t="s">
        <v>213</v>
      </c>
      <c r="I47" s="6"/>
    </row>
    <row r="48" spans="1:9" ht="18" customHeight="1" x14ac:dyDescent="0.2">
      <c r="A48" s="6"/>
      <c r="B48" s="89" t="s">
        <v>133</v>
      </c>
      <c r="C48" s="6"/>
      <c r="D48" s="82"/>
      <c r="E48" s="82"/>
      <c r="F48" s="120"/>
      <c r="G48" s="120"/>
      <c r="H48" s="83"/>
      <c r="I48" s="6"/>
    </row>
    <row r="49" spans="1:9" ht="18" customHeight="1" x14ac:dyDescent="0.2">
      <c r="A49" s="6"/>
      <c r="B49" s="84" t="s">
        <v>131</v>
      </c>
      <c r="C49" s="12"/>
      <c r="D49" s="33">
        <v>1599205</v>
      </c>
      <c r="E49" s="33">
        <v>1818168</v>
      </c>
      <c r="F49" s="33">
        <v>1596631</v>
      </c>
      <c r="G49" s="33" t="s">
        <v>162</v>
      </c>
      <c r="H49" s="85" t="s">
        <v>151</v>
      </c>
      <c r="I49" s="6"/>
    </row>
    <row r="50" spans="1:9" ht="18" customHeight="1" x14ac:dyDescent="0.2">
      <c r="A50" s="6"/>
      <c r="B50" s="84" t="s">
        <v>132</v>
      </c>
      <c r="C50" s="12"/>
      <c r="D50" s="33">
        <v>1117545</v>
      </c>
      <c r="E50" s="33">
        <v>1317467</v>
      </c>
      <c r="F50" s="33">
        <v>1348574</v>
      </c>
      <c r="G50" s="33" t="s">
        <v>162</v>
      </c>
      <c r="H50" s="85" t="s">
        <v>151</v>
      </c>
      <c r="I50" s="6"/>
    </row>
    <row r="51" spans="1:9" ht="18" customHeight="1" x14ac:dyDescent="0.2">
      <c r="A51" s="6"/>
      <c r="B51" s="84" t="s">
        <v>139</v>
      </c>
      <c r="C51" s="12"/>
      <c r="D51" s="36">
        <v>2716750</v>
      </c>
      <c r="E51" s="36">
        <v>3135635</v>
      </c>
      <c r="F51" s="36">
        <v>2945205</v>
      </c>
      <c r="G51" s="36" t="s">
        <v>162</v>
      </c>
      <c r="H51" s="86" t="s">
        <v>151</v>
      </c>
      <c r="I51" s="6"/>
    </row>
    <row r="52" spans="1:9" ht="18" customHeight="1" x14ac:dyDescent="0.2">
      <c r="A52" s="6"/>
      <c r="B52" s="84" t="s">
        <v>182</v>
      </c>
      <c r="C52" s="12"/>
      <c r="D52" s="36">
        <v>-238164</v>
      </c>
      <c r="E52" s="36">
        <v>-208449</v>
      </c>
      <c r="F52" s="36">
        <v>-158949</v>
      </c>
      <c r="G52" s="36" t="s">
        <v>162</v>
      </c>
      <c r="H52" s="86" t="s">
        <v>151</v>
      </c>
      <c r="I52" s="6"/>
    </row>
    <row r="53" spans="1:9" ht="18" customHeight="1" x14ac:dyDescent="0.2">
      <c r="A53" s="6"/>
      <c r="B53" s="84" t="s">
        <v>140</v>
      </c>
      <c r="C53" s="12"/>
      <c r="D53" s="34">
        <v>2478586</v>
      </c>
      <c r="E53" s="34">
        <v>2927186</v>
      </c>
      <c r="F53" s="34">
        <v>2786256</v>
      </c>
      <c r="G53" s="34" t="s">
        <v>162</v>
      </c>
      <c r="H53" s="87" t="s">
        <v>151</v>
      </c>
      <c r="I53" s="6"/>
    </row>
    <row r="54" spans="1:9" ht="18" customHeight="1" x14ac:dyDescent="0.2">
      <c r="A54" s="6"/>
      <c r="B54" s="81" t="s">
        <v>134</v>
      </c>
      <c r="C54" s="12"/>
      <c r="D54" s="41"/>
      <c r="E54" s="41"/>
      <c r="F54" s="41"/>
      <c r="G54" s="41"/>
      <c r="H54" s="88"/>
      <c r="I54" s="6"/>
    </row>
    <row r="55" spans="1:9" ht="18" customHeight="1" x14ac:dyDescent="0.2">
      <c r="A55" s="6"/>
      <c r="B55" s="84" t="s">
        <v>131</v>
      </c>
      <c r="C55" s="6"/>
      <c r="D55" s="33">
        <v>42198</v>
      </c>
      <c r="E55" s="33">
        <v>96802</v>
      </c>
      <c r="F55" s="33">
        <v>-12295</v>
      </c>
      <c r="G55" s="33" t="s">
        <v>162</v>
      </c>
      <c r="H55" s="85" t="s">
        <v>151</v>
      </c>
      <c r="I55" s="6"/>
    </row>
    <row r="56" spans="1:9" ht="18" customHeight="1" x14ac:dyDescent="0.2">
      <c r="A56" s="6"/>
      <c r="B56" s="84" t="s">
        <v>132</v>
      </c>
      <c r="C56" s="12"/>
      <c r="D56" s="33">
        <v>-154510</v>
      </c>
      <c r="E56" s="33">
        <v>44853</v>
      </c>
      <c r="F56" s="33">
        <v>1270</v>
      </c>
      <c r="G56" s="33" t="s">
        <v>162</v>
      </c>
      <c r="H56" s="85" t="s">
        <v>151</v>
      </c>
      <c r="I56" s="6"/>
    </row>
    <row r="57" spans="1:9" ht="18" customHeight="1" x14ac:dyDescent="0.2">
      <c r="A57" s="6"/>
      <c r="B57" s="84" t="s">
        <v>139</v>
      </c>
      <c r="C57" s="12"/>
      <c r="D57" s="36">
        <v>-112312</v>
      </c>
      <c r="E57" s="36">
        <v>141655</v>
      </c>
      <c r="F57" s="36">
        <v>-11025</v>
      </c>
      <c r="G57" s="36" t="s">
        <v>162</v>
      </c>
      <c r="H57" s="86" t="s">
        <v>151</v>
      </c>
      <c r="I57" s="6"/>
    </row>
    <row r="58" spans="1:9" ht="18" customHeight="1" x14ac:dyDescent="0.2">
      <c r="A58" s="6"/>
      <c r="B58" s="84" t="s">
        <v>182</v>
      </c>
      <c r="C58" s="6"/>
      <c r="D58" s="36">
        <v>-33954</v>
      </c>
      <c r="E58" s="36">
        <v>-33095</v>
      </c>
      <c r="F58" s="36">
        <v>-37040</v>
      </c>
      <c r="G58" s="36" t="s">
        <v>162</v>
      </c>
      <c r="H58" s="86" t="s">
        <v>151</v>
      </c>
      <c r="I58" s="6"/>
    </row>
    <row r="59" spans="1:9" ht="18" customHeight="1" x14ac:dyDescent="0.2">
      <c r="A59" s="6"/>
      <c r="B59" s="84" t="s">
        <v>140</v>
      </c>
      <c r="C59" s="12"/>
      <c r="D59" s="33">
        <v>-146266</v>
      </c>
      <c r="E59" s="33">
        <v>108560</v>
      </c>
      <c r="F59" s="33">
        <v>-48065</v>
      </c>
      <c r="G59" s="33" t="s">
        <v>162</v>
      </c>
      <c r="H59" s="85" t="s">
        <v>151</v>
      </c>
      <c r="I59" s="6"/>
    </row>
    <row r="60" spans="1:9" ht="18" customHeight="1" x14ac:dyDescent="0.2">
      <c r="A60" s="6"/>
      <c r="B60" s="89" t="s">
        <v>133</v>
      </c>
      <c r="C60" s="42"/>
      <c r="D60" s="43"/>
      <c r="E60" s="43"/>
      <c r="F60" s="43"/>
      <c r="G60" s="43"/>
      <c r="H60" s="90"/>
      <c r="I60" s="6"/>
    </row>
    <row r="61" spans="1:9" ht="18" customHeight="1" x14ac:dyDescent="0.2">
      <c r="A61" s="6"/>
      <c r="B61" s="84" t="s">
        <v>136</v>
      </c>
      <c r="C61" s="12"/>
      <c r="D61" s="33">
        <v>1339741</v>
      </c>
      <c r="E61" s="33" t="s">
        <v>43</v>
      </c>
      <c r="F61" s="33" t="s">
        <v>43</v>
      </c>
      <c r="G61" s="33" t="s">
        <v>43</v>
      </c>
      <c r="H61" s="85" t="s">
        <v>43</v>
      </c>
      <c r="I61" s="6"/>
    </row>
    <row r="62" spans="1:9" ht="18" customHeight="1" x14ac:dyDescent="0.2">
      <c r="A62" s="6"/>
      <c r="B62" s="84" t="s">
        <v>135</v>
      </c>
      <c r="C62" s="12"/>
      <c r="D62" s="33">
        <v>1376113</v>
      </c>
      <c r="E62" s="33" t="s">
        <v>43</v>
      </c>
      <c r="F62" s="33" t="s">
        <v>43</v>
      </c>
      <c r="G62" s="33" t="s">
        <v>43</v>
      </c>
      <c r="H62" s="85" t="s">
        <v>43</v>
      </c>
      <c r="I62" s="6"/>
    </row>
    <row r="63" spans="1:9" ht="18" customHeight="1" x14ac:dyDescent="0.2">
      <c r="A63" s="6"/>
      <c r="B63" s="84" t="s">
        <v>139</v>
      </c>
      <c r="C63" s="12"/>
      <c r="D63" s="36">
        <v>2715854</v>
      </c>
      <c r="E63" s="36" t="s">
        <v>43</v>
      </c>
      <c r="F63" s="36" t="s">
        <v>43</v>
      </c>
      <c r="G63" s="36" t="s">
        <v>43</v>
      </c>
      <c r="H63" s="86" t="s">
        <v>43</v>
      </c>
      <c r="I63" s="6"/>
    </row>
    <row r="64" spans="1:9" ht="18" customHeight="1" x14ac:dyDescent="0.2">
      <c r="A64" s="6"/>
      <c r="B64" s="84" t="s">
        <v>182</v>
      </c>
      <c r="C64" s="12"/>
      <c r="D64" s="36">
        <v>-237268</v>
      </c>
      <c r="E64" s="36" t="s">
        <v>43</v>
      </c>
      <c r="F64" s="36" t="s">
        <v>43</v>
      </c>
      <c r="G64" s="36" t="s">
        <v>43</v>
      </c>
      <c r="H64" s="86" t="s">
        <v>43</v>
      </c>
      <c r="I64" s="6"/>
    </row>
    <row r="65" spans="1:9" ht="18" customHeight="1" x14ac:dyDescent="0.2">
      <c r="A65" s="6"/>
      <c r="B65" s="84" t="s">
        <v>140</v>
      </c>
      <c r="C65" s="6"/>
      <c r="D65" s="33">
        <v>2478586</v>
      </c>
      <c r="E65" s="33" t="s">
        <v>43</v>
      </c>
      <c r="F65" s="33" t="s">
        <v>43</v>
      </c>
      <c r="G65" s="33" t="s">
        <v>43</v>
      </c>
      <c r="H65" s="85" t="s">
        <v>43</v>
      </c>
      <c r="I65" s="6"/>
    </row>
    <row r="66" spans="1:9" ht="18" customHeight="1" x14ac:dyDescent="0.2">
      <c r="A66" s="6"/>
      <c r="B66" s="81" t="s">
        <v>134</v>
      </c>
      <c r="C66" s="12"/>
      <c r="D66" s="41"/>
      <c r="E66" s="41"/>
      <c r="F66" s="41"/>
      <c r="G66" s="41"/>
      <c r="H66" s="88"/>
      <c r="I66" s="6"/>
    </row>
    <row r="67" spans="1:9" ht="18" customHeight="1" x14ac:dyDescent="0.2">
      <c r="A67" s="6"/>
      <c r="B67" s="84" t="s">
        <v>136</v>
      </c>
      <c r="C67" s="12"/>
      <c r="D67" s="33">
        <v>46695</v>
      </c>
      <c r="E67" s="33" t="s">
        <v>43</v>
      </c>
      <c r="F67" s="33" t="s">
        <v>43</v>
      </c>
      <c r="G67" s="33" t="s">
        <v>43</v>
      </c>
      <c r="H67" s="85" t="s">
        <v>43</v>
      </c>
      <c r="I67" s="6"/>
    </row>
    <row r="68" spans="1:9" ht="18" customHeight="1" x14ac:dyDescent="0.2">
      <c r="A68" s="6"/>
      <c r="B68" s="84" t="s">
        <v>135</v>
      </c>
      <c r="C68" s="12"/>
      <c r="D68" s="33">
        <v>-159007</v>
      </c>
      <c r="E68" s="33" t="s">
        <v>43</v>
      </c>
      <c r="F68" s="33" t="s">
        <v>43</v>
      </c>
      <c r="G68" s="33" t="s">
        <v>43</v>
      </c>
      <c r="H68" s="85" t="s">
        <v>43</v>
      </c>
      <c r="I68" s="6"/>
    </row>
    <row r="69" spans="1:9" ht="18" customHeight="1" x14ac:dyDescent="0.2">
      <c r="A69" s="6"/>
      <c r="B69" s="84" t="s">
        <v>139</v>
      </c>
      <c r="C69" s="12"/>
      <c r="D69" s="36">
        <v>-112312</v>
      </c>
      <c r="E69" s="36" t="s">
        <v>43</v>
      </c>
      <c r="F69" s="36" t="s">
        <v>43</v>
      </c>
      <c r="G69" s="36" t="s">
        <v>43</v>
      </c>
      <c r="H69" s="86" t="s">
        <v>43</v>
      </c>
      <c r="I69" s="6"/>
    </row>
    <row r="70" spans="1:9" ht="18" customHeight="1" x14ac:dyDescent="0.2">
      <c r="A70" s="6"/>
      <c r="B70" s="84" t="s">
        <v>182</v>
      </c>
      <c r="C70" s="12"/>
      <c r="D70" s="36">
        <v>-33954</v>
      </c>
      <c r="E70" s="36" t="s">
        <v>43</v>
      </c>
      <c r="F70" s="36" t="s">
        <v>43</v>
      </c>
      <c r="G70" s="36" t="s">
        <v>43</v>
      </c>
      <c r="H70" s="86" t="s">
        <v>43</v>
      </c>
      <c r="I70" s="6"/>
    </row>
    <row r="71" spans="1:9" ht="18" customHeight="1" x14ac:dyDescent="0.2">
      <c r="A71" s="6"/>
      <c r="B71" s="91" t="s">
        <v>140</v>
      </c>
      <c r="C71" s="92"/>
      <c r="D71" s="93">
        <v>-146266</v>
      </c>
      <c r="E71" s="93" t="s">
        <v>43</v>
      </c>
      <c r="F71" s="93" t="s">
        <v>43</v>
      </c>
      <c r="G71" s="93" t="s">
        <v>43</v>
      </c>
      <c r="H71" s="94" t="s">
        <v>43</v>
      </c>
      <c r="I71" s="6"/>
    </row>
    <row r="72" spans="1:9" ht="27.75" customHeight="1" x14ac:dyDescent="0.2">
      <c r="B72" s="175" t="s">
        <v>349</v>
      </c>
      <c r="C72" s="175"/>
      <c r="D72" s="175"/>
      <c r="E72" s="175"/>
      <c r="F72" s="175"/>
      <c r="G72" s="175"/>
      <c r="H72" s="119"/>
    </row>
    <row r="73" spans="1:9" ht="27.75" customHeight="1" x14ac:dyDescent="0.2">
      <c r="B73" s="176" t="s">
        <v>347</v>
      </c>
      <c r="C73" s="176"/>
      <c r="D73" s="176"/>
      <c r="E73" s="176"/>
      <c r="F73" s="176"/>
      <c r="G73" s="176"/>
      <c r="H73" s="119"/>
    </row>
    <row r="74" spans="1:9" ht="27.75" customHeight="1" x14ac:dyDescent="0.2">
      <c r="B74" s="176" t="s">
        <v>348</v>
      </c>
      <c r="C74" s="176"/>
      <c r="D74" s="176"/>
      <c r="E74" s="176"/>
      <c r="F74" s="176"/>
      <c r="G74" s="176"/>
      <c r="H74" s="119"/>
    </row>
    <row r="75" spans="1:9" ht="10.5" customHeight="1" x14ac:dyDescent="0.2">
      <c r="B75" s="174"/>
      <c r="C75" s="174"/>
      <c r="D75" s="174"/>
      <c r="E75" s="174"/>
      <c r="F75" s="174"/>
      <c r="G75" s="146"/>
      <c r="H75" s="164"/>
    </row>
  </sheetData>
  <mergeCells count="4">
    <mergeCell ref="B75:F75"/>
    <mergeCell ref="B72:G72"/>
    <mergeCell ref="B73:G73"/>
    <mergeCell ref="B74:G74"/>
  </mergeCells>
  <phoneticPr fontId="1"/>
  <pageMargins left="0.59055118110236227" right="0.59055118110236227" top="0.39370078740157483" bottom="0.39370078740157483" header="0.51181102362204722" footer="0.51181102362204722"/>
  <pageSetup paperSize="9" orientation="landscape" horizontalDpi="300" verticalDpi="300" r:id="rId1"/>
  <headerFooter alignWithMargins="0"/>
  <rowBreaks count="2" manualBreakCount="2">
    <brk id="25" min="1" max="7" man="1"/>
    <brk id="45" min="1" max="7"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45"/>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5" t="s">
        <v>0</v>
      </c>
      <c r="C1" s="5"/>
    </row>
    <row r="2" spans="1:9" ht="12" customHeight="1" x14ac:dyDescent="0.2">
      <c r="F2" s="14"/>
      <c r="G2" s="14"/>
      <c r="H2" s="14" t="s">
        <v>69</v>
      </c>
    </row>
    <row r="3" spans="1:9" ht="15.95" customHeight="1" x14ac:dyDescent="0.2">
      <c r="A3" s="6"/>
      <c r="B3" s="7"/>
      <c r="C3" s="8"/>
      <c r="D3" s="9" t="s">
        <v>10</v>
      </c>
      <c r="E3" s="9" t="s">
        <v>11</v>
      </c>
      <c r="F3" s="9" t="s">
        <v>148</v>
      </c>
      <c r="G3" s="9" t="s">
        <v>156</v>
      </c>
      <c r="H3" s="10" t="s">
        <v>213</v>
      </c>
      <c r="I3" s="6"/>
    </row>
    <row r="4" spans="1:9" ht="15.95" customHeight="1" x14ac:dyDescent="0.2">
      <c r="A4" s="6"/>
      <c r="B4" s="30" t="s">
        <v>118</v>
      </c>
      <c r="C4" s="72"/>
      <c r="D4" s="28"/>
      <c r="E4" s="28"/>
      <c r="F4" s="28"/>
      <c r="G4" s="28"/>
      <c r="H4" s="29"/>
      <c r="I4" s="6"/>
    </row>
    <row r="5" spans="1:9" ht="15.95" customHeight="1" x14ac:dyDescent="0.2">
      <c r="A5" s="6"/>
      <c r="B5" s="22" t="s">
        <v>87</v>
      </c>
      <c r="C5" s="73"/>
      <c r="D5" s="16"/>
      <c r="E5" s="16"/>
      <c r="F5" s="16"/>
      <c r="G5" s="16"/>
      <c r="H5" s="17"/>
      <c r="I5" s="6"/>
    </row>
    <row r="6" spans="1:9" ht="15.95" customHeight="1" x14ac:dyDescent="0.2">
      <c r="A6" s="6"/>
      <c r="B6" s="69" t="s">
        <v>334</v>
      </c>
      <c r="C6" s="74"/>
      <c r="D6" s="33" t="s">
        <v>229</v>
      </c>
      <c r="E6" s="33" t="s">
        <v>229</v>
      </c>
      <c r="F6" s="33" t="s">
        <v>229</v>
      </c>
      <c r="G6" s="33">
        <v>275399</v>
      </c>
      <c r="H6" s="134">
        <v>482117</v>
      </c>
      <c r="I6" s="6"/>
    </row>
    <row r="7" spans="1:9" ht="15.95" customHeight="1" x14ac:dyDescent="0.2">
      <c r="A7" s="6"/>
      <c r="B7" s="69" t="s">
        <v>232</v>
      </c>
      <c r="C7" s="74"/>
      <c r="D7" s="33" t="s">
        <v>229</v>
      </c>
      <c r="E7" s="33" t="s">
        <v>229</v>
      </c>
      <c r="F7" s="33" t="s">
        <v>229</v>
      </c>
      <c r="G7" s="33">
        <v>287271</v>
      </c>
      <c r="H7" s="134">
        <v>375564</v>
      </c>
      <c r="I7" s="6"/>
    </row>
    <row r="8" spans="1:9" ht="15.95" customHeight="1" x14ac:dyDescent="0.2">
      <c r="B8" s="69" t="s">
        <v>22</v>
      </c>
      <c r="C8" s="74"/>
      <c r="D8" s="33" t="s">
        <v>229</v>
      </c>
      <c r="E8" s="33" t="s">
        <v>229</v>
      </c>
      <c r="F8" s="33" t="s">
        <v>229</v>
      </c>
      <c r="G8" s="33">
        <v>184313</v>
      </c>
      <c r="H8" s="134">
        <v>217892</v>
      </c>
    </row>
    <row r="9" spans="1:9" ht="15.95" customHeight="1" x14ac:dyDescent="0.2">
      <c r="B9" s="69" t="s">
        <v>233</v>
      </c>
      <c r="C9" s="74"/>
      <c r="D9" s="33" t="s">
        <v>229</v>
      </c>
      <c r="E9" s="33" t="s">
        <v>229</v>
      </c>
      <c r="F9" s="33" t="s">
        <v>229</v>
      </c>
      <c r="G9" s="33">
        <v>224325</v>
      </c>
      <c r="H9" s="134">
        <v>126697</v>
      </c>
    </row>
    <row r="10" spans="1:9" ht="15.95" customHeight="1" x14ac:dyDescent="0.2">
      <c r="B10" s="69" t="s">
        <v>234</v>
      </c>
      <c r="C10" s="74"/>
      <c r="D10" s="33" t="s">
        <v>229</v>
      </c>
      <c r="E10" s="33" t="s">
        <v>229</v>
      </c>
      <c r="F10" s="33" t="s">
        <v>229</v>
      </c>
      <c r="G10" s="33">
        <v>-5349</v>
      </c>
      <c r="H10" s="134">
        <v>-8562</v>
      </c>
    </row>
    <row r="11" spans="1:9" ht="15.95" customHeight="1" x14ac:dyDescent="0.2">
      <c r="B11" s="69" t="s">
        <v>96</v>
      </c>
      <c r="C11" s="76"/>
      <c r="D11" s="36" t="s">
        <v>229</v>
      </c>
      <c r="E11" s="36" t="s">
        <v>229</v>
      </c>
      <c r="F11" s="36" t="s">
        <v>229</v>
      </c>
      <c r="G11" s="36">
        <v>965959</v>
      </c>
      <c r="H11" s="137">
        <v>1193709</v>
      </c>
    </row>
    <row r="12" spans="1:9" ht="15.95" customHeight="1" x14ac:dyDescent="0.2">
      <c r="B12" s="22" t="s">
        <v>235</v>
      </c>
      <c r="C12" s="73"/>
      <c r="D12" s="33"/>
      <c r="E12" s="33"/>
      <c r="F12" s="33"/>
      <c r="G12" s="33"/>
      <c r="H12" s="134"/>
    </row>
    <row r="13" spans="1:9" ht="15.95" customHeight="1" x14ac:dyDescent="0.2">
      <c r="B13" s="69" t="s">
        <v>236</v>
      </c>
      <c r="C13" s="74"/>
      <c r="D13" s="33"/>
      <c r="E13" s="33"/>
      <c r="F13" s="33"/>
      <c r="G13" s="33"/>
      <c r="H13" s="134"/>
    </row>
    <row r="14" spans="1:9" ht="15.95" customHeight="1" x14ac:dyDescent="0.2">
      <c r="B14" s="70" t="s">
        <v>99</v>
      </c>
      <c r="C14" s="74"/>
      <c r="D14" s="33" t="s">
        <v>229</v>
      </c>
      <c r="E14" s="33" t="s">
        <v>229</v>
      </c>
      <c r="F14" s="33" t="s">
        <v>229</v>
      </c>
      <c r="G14" s="33">
        <v>643926</v>
      </c>
      <c r="H14" s="134">
        <v>625139</v>
      </c>
    </row>
    <row r="15" spans="1:9" ht="15.75" customHeight="1" x14ac:dyDescent="0.2">
      <c r="B15" s="70" t="s">
        <v>335</v>
      </c>
      <c r="C15" s="74"/>
      <c r="D15" s="33" t="s">
        <v>229</v>
      </c>
      <c r="E15" s="33" t="s">
        <v>229</v>
      </c>
      <c r="F15" s="33" t="s">
        <v>229</v>
      </c>
      <c r="G15" s="33">
        <v>1244065</v>
      </c>
      <c r="H15" s="134">
        <v>1155188</v>
      </c>
    </row>
    <row r="16" spans="1:9" ht="15.75" customHeight="1" x14ac:dyDescent="0.2">
      <c r="B16" s="70" t="s">
        <v>237</v>
      </c>
      <c r="C16" s="74"/>
      <c r="D16" s="33" t="s">
        <v>231</v>
      </c>
      <c r="E16" s="33" t="s">
        <v>231</v>
      </c>
      <c r="F16" s="33" t="s">
        <v>231</v>
      </c>
      <c r="G16" s="33">
        <v>275678</v>
      </c>
      <c r="H16" s="134">
        <v>250872</v>
      </c>
    </row>
    <row r="17" spans="2:8" ht="15.75" customHeight="1" x14ac:dyDescent="0.2">
      <c r="B17" s="70" t="s">
        <v>238</v>
      </c>
      <c r="C17" s="74"/>
      <c r="D17" s="33" t="s">
        <v>229</v>
      </c>
      <c r="E17" s="33" t="s">
        <v>229</v>
      </c>
      <c r="F17" s="33" t="s">
        <v>229</v>
      </c>
      <c r="G17" s="33">
        <v>85352</v>
      </c>
      <c r="H17" s="134">
        <v>95760</v>
      </c>
    </row>
    <row r="18" spans="2:8" ht="15.95" customHeight="1" x14ac:dyDescent="0.2">
      <c r="B18" s="70" t="s">
        <v>101</v>
      </c>
      <c r="C18" s="74"/>
      <c r="D18" s="33" t="s">
        <v>229</v>
      </c>
      <c r="E18" s="33" t="s">
        <v>229</v>
      </c>
      <c r="F18" s="33" t="s">
        <v>229</v>
      </c>
      <c r="G18" s="33">
        <v>7916</v>
      </c>
      <c r="H18" s="134">
        <v>18434</v>
      </c>
    </row>
    <row r="19" spans="2:8" ht="15.95" customHeight="1" x14ac:dyDescent="0.2">
      <c r="B19" s="70" t="s">
        <v>242</v>
      </c>
      <c r="C19" s="74"/>
      <c r="D19" s="33" t="s">
        <v>229</v>
      </c>
      <c r="E19" s="33" t="s">
        <v>229</v>
      </c>
      <c r="F19" s="33" t="s">
        <v>229</v>
      </c>
      <c r="G19" s="33">
        <v>54386</v>
      </c>
      <c r="H19" s="134">
        <v>50901</v>
      </c>
    </row>
    <row r="20" spans="2:8" ht="15.95" customHeight="1" x14ac:dyDescent="0.2">
      <c r="B20" s="70" t="s">
        <v>239</v>
      </c>
      <c r="C20" s="74"/>
      <c r="D20" s="33" t="s">
        <v>229</v>
      </c>
      <c r="E20" s="33" t="s">
        <v>229</v>
      </c>
      <c r="F20" s="33" t="s">
        <v>229</v>
      </c>
      <c r="G20" s="33">
        <v>-1960118</v>
      </c>
      <c r="H20" s="134">
        <v>-1846683</v>
      </c>
    </row>
    <row r="21" spans="2:8" ht="15.95" customHeight="1" x14ac:dyDescent="0.2">
      <c r="B21" s="70" t="s">
        <v>240</v>
      </c>
      <c r="C21" s="74"/>
      <c r="D21" s="36" t="s">
        <v>229</v>
      </c>
      <c r="E21" s="36" t="s">
        <v>229</v>
      </c>
      <c r="F21" s="36" t="s">
        <v>229</v>
      </c>
      <c r="G21" s="36">
        <v>351205</v>
      </c>
      <c r="H21" s="137">
        <v>349614</v>
      </c>
    </row>
    <row r="22" spans="2:8" ht="15.95" customHeight="1" x14ac:dyDescent="0.2">
      <c r="B22" s="69" t="s">
        <v>244</v>
      </c>
      <c r="C22" s="77"/>
      <c r="D22" s="33"/>
      <c r="E22" s="33"/>
      <c r="F22" s="33"/>
      <c r="G22" s="33"/>
      <c r="H22" s="134"/>
    </row>
    <row r="23" spans="2:8" ht="15.95" customHeight="1" x14ac:dyDescent="0.2">
      <c r="B23" s="70" t="s">
        <v>241</v>
      </c>
      <c r="C23" s="74"/>
      <c r="D23" s="33" t="s">
        <v>229</v>
      </c>
      <c r="E23" s="33" t="s">
        <v>229</v>
      </c>
      <c r="F23" s="33" t="s">
        <v>229</v>
      </c>
      <c r="G23" s="33">
        <v>34282</v>
      </c>
      <c r="H23" s="134">
        <v>28856</v>
      </c>
    </row>
    <row r="24" spans="2:8" ht="15.95" customHeight="1" x14ac:dyDescent="0.2">
      <c r="B24" s="70" t="s">
        <v>242</v>
      </c>
      <c r="C24" s="74"/>
      <c r="D24" s="33" t="s">
        <v>229</v>
      </c>
      <c r="E24" s="33" t="s">
        <v>229</v>
      </c>
      <c r="F24" s="33" t="s">
        <v>229</v>
      </c>
      <c r="G24" s="33">
        <v>7358</v>
      </c>
      <c r="H24" s="134">
        <v>13503</v>
      </c>
    </row>
    <row r="25" spans="2:8" ht="15.95" customHeight="1" x14ac:dyDescent="0.2">
      <c r="B25" s="70" t="s">
        <v>243</v>
      </c>
      <c r="C25" s="74"/>
      <c r="D25" s="36" t="s">
        <v>229</v>
      </c>
      <c r="E25" s="36" t="s">
        <v>229</v>
      </c>
      <c r="F25" s="36" t="s">
        <v>229</v>
      </c>
      <c r="G25" s="36">
        <v>41640</v>
      </c>
      <c r="H25" s="137">
        <v>42359</v>
      </c>
    </row>
    <row r="26" spans="2:8" ht="15.95" customHeight="1" x14ac:dyDescent="0.2">
      <c r="B26" s="69" t="s">
        <v>245</v>
      </c>
      <c r="C26" s="73"/>
      <c r="D26" s="33"/>
      <c r="E26" s="33"/>
      <c r="F26" s="33"/>
      <c r="G26" s="33"/>
      <c r="H26" s="134"/>
    </row>
    <row r="27" spans="2:8" ht="15.95" customHeight="1" x14ac:dyDescent="0.2">
      <c r="B27" s="70" t="s">
        <v>246</v>
      </c>
      <c r="C27" s="74"/>
      <c r="D27" s="33" t="s">
        <v>229</v>
      </c>
      <c r="E27" s="33" t="s">
        <v>229</v>
      </c>
      <c r="F27" s="33" t="s">
        <v>229</v>
      </c>
      <c r="G27" s="33">
        <v>166427</v>
      </c>
      <c r="H27" s="134">
        <v>151270</v>
      </c>
    </row>
    <row r="28" spans="2:8" ht="16.5" customHeight="1" x14ac:dyDescent="0.2">
      <c r="B28" s="70" t="s">
        <v>247</v>
      </c>
      <c r="C28" s="74"/>
      <c r="D28" s="33" t="s">
        <v>229</v>
      </c>
      <c r="E28" s="33" t="s">
        <v>229</v>
      </c>
      <c r="F28" s="33" t="s">
        <v>229</v>
      </c>
      <c r="G28" s="33">
        <v>2221</v>
      </c>
      <c r="H28" s="134">
        <v>299</v>
      </c>
    </row>
    <row r="29" spans="2:8" ht="16.5" customHeight="1" x14ac:dyDescent="0.2">
      <c r="B29" s="70" t="s">
        <v>248</v>
      </c>
      <c r="C29" s="74"/>
      <c r="D29" s="33" t="s">
        <v>229</v>
      </c>
      <c r="E29" s="33" t="s">
        <v>229</v>
      </c>
      <c r="F29" s="33" t="s">
        <v>229</v>
      </c>
      <c r="G29" s="33">
        <v>45421</v>
      </c>
      <c r="H29" s="134">
        <v>38940</v>
      </c>
    </row>
    <row r="30" spans="2:8" ht="16.5" customHeight="1" x14ac:dyDescent="0.2">
      <c r="B30" s="70" t="s">
        <v>234</v>
      </c>
      <c r="C30" s="74"/>
      <c r="D30" s="33" t="s">
        <v>229</v>
      </c>
      <c r="E30" s="33" t="s">
        <v>229</v>
      </c>
      <c r="F30" s="33" t="s">
        <v>229</v>
      </c>
      <c r="G30" s="33">
        <v>-2259</v>
      </c>
      <c r="H30" s="134">
        <v>-2548</v>
      </c>
    </row>
    <row r="31" spans="2:8" ht="15.95" customHeight="1" x14ac:dyDescent="0.2">
      <c r="B31" s="70" t="s">
        <v>249</v>
      </c>
      <c r="C31" s="74"/>
      <c r="D31" s="36" t="s">
        <v>229</v>
      </c>
      <c r="E31" s="36" t="s">
        <v>229</v>
      </c>
      <c r="F31" s="36" t="s">
        <v>229</v>
      </c>
      <c r="G31" s="36">
        <v>211810</v>
      </c>
      <c r="H31" s="137">
        <v>187962</v>
      </c>
    </row>
    <row r="32" spans="2:8" ht="15.95" customHeight="1" x14ac:dyDescent="0.2">
      <c r="B32" s="69" t="s">
        <v>250</v>
      </c>
      <c r="C32" s="74"/>
      <c r="D32" s="36" t="s">
        <v>229</v>
      </c>
      <c r="E32" s="36" t="s">
        <v>229</v>
      </c>
      <c r="F32" s="36" t="s">
        <v>229</v>
      </c>
      <c r="G32" s="36">
        <v>604655</v>
      </c>
      <c r="H32" s="137">
        <v>579936</v>
      </c>
    </row>
    <row r="33" spans="1:9" ht="15.95" customHeight="1" x14ac:dyDescent="0.2">
      <c r="B33" s="22" t="s">
        <v>251</v>
      </c>
      <c r="C33" s="73"/>
      <c r="D33" s="33" t="s">
        <v>229</v>
      </c>
      <c r="E33" s="33" t="s">
        <v>229</v>
      </c>
      <c r="F33" s="33" t="s">
        <v>229</v>
      </c>
      <c r="G33" s="33">
        <v>58</v>
      </c>
      <c r="H33" s="134">
        <v>36</v>
      </c>
    </row>
    <row r="34" spans="1:9" ht="15.95" customHeight="1" x14ac:dyDescent="0.2">
      <c r="B34" s="11" t="s">
        <v>252</v>
      </c>
      <c r="C34" s="6"/>
      <c r="D34" s="36" t="s">
        <v>229</v>
      </c>
      <c r="E34" s="36" t="s">
        <v>229</v>
      </c>
      <c r="F34" s="36" t="s">
        <v>229</v>
      </c>
      <c r="G34" s="36">
        <v>1570672</v>
      </c>
      <c r="H34" s="137">
        <v>1773682</v>
      </c>
    </row>
    <row r="35" spans="1:9" ht="15.95" customHeight="1" x14ac:dyDescent="0.2">
      <c r="B35" s="25"/>
      <c r="C35" s="13"/>
      <c r="D35" s="35"/>
      <c r="E35" s="35"/>
      <c r="F35" s="35"/>
      <c r="G35" s="35"/>
      <c r="H35" s="136"/>
    </row>
    <row r="36" spans="1:9" ht="15.95" customHeight="1" x14ac:dyDescent="0.2">
      <c r="A36" s="6"/>
      <c r="B36" s="7"/>
      <c r="C36" s="8"/>
      <c r="D36" s="9" t="s">
        <v>10</v>
      </c>
      <c r="E36" s="9" t="s">
        <v>11</v>
      </c>
      <c r="F36" s="9" t="s">
        <v>148</v>
      </c>
      <c r="G36" s="9" t="s">
        <v>156</v>
      </c>
      <c r="H36" s="10" t="s">
        <v>213</v>
      </c>
      <c r="I36" s="6"/>
    </row>
    <row r="37" spans="1:9" ht="15.95" customHeight="1" x14ac:dyDescent="0.2">
      <c r="B37" s="31" t="s">
        <v>253</v>
      </c>
      <c r="C37" s="78"/>
      <c r="D37" s="26"/>
      <c r="E37" s="26"/>
      <c r="F37" s="26"/>
      <c r="G37" s="26"/>
      <c r="H37" s="27"/>
    </row>
    <row r="38" spans="1:9" ht="15" customHeight="1" x14ac:dyDescent="0.2">
      <c r="B38" s="22" t="s">
        <v>254</v>
      </c>
      <c r="C38" s="73"/>
      <c r="D38" s="16"/>
      <c r="E38" s="16"/>
      <c r="F38" s="16"/>
      <c r="G38" s="16"/>
      <c r="H38" s="17"/>
    </row>
    <row r="39" spans="1:9" ht="15" customHeight="1" x14ac:dyDescent="0.2">
      <c r="B39" s="69" t="s">
        <v>255</v>
      </c>
      <c r="C39" s="74"/>
      <c r="D39" s="33" t="s">
        <v>229</v>
      </c>
      <c r="E39" s="33" t="s">
        <v>229</v>
      </c>
      <c r="F39" s="33" t="s">
        <v>229</v>
      </c>
      <c r="G39" s="33">
        <v>212556</v>
      </c>
      <c r="H39" s="134">
        <v>306007</v>
      </c>
    </row>
    <row r="40" spans="1:9" ht="15" customHeight="1" x14ac:dyDescent="0.2">
      <c r="B40" s="69" t="s">
        <v>256</v>
      </c>
      <c r="C40" s="75"/>
      <c r="D40" s="33" t="s">
        <v>229</v>
      </c>
      <c r="E40" s="33" t="s">
        <v>229</v>
      </c>
      <c r="F40" s="33" t="s">
        <v>229</v>
      </c>
      <c r="G40" s="33">
        <v>66131</v>
      </c>
      <c r="H40" s="134">
        <v>44560</v>
      </c>
    </row>
    <row r="41" spans="1:9" ht="15" customHeight="1" x14ac:dyDescent="0.2">
      <c r="B41" s="69" t="s">
        <v>257</v>
      </c>
      <c r="C41" s="75"/>
      <c r="D41" s="33" t="s">
        <v>229</v>
      </c>
      <c r="E41" s="33" t="s">
        <v>229</v>
      </c>
      <c r="F41" s="33" t="s">
        <v>229</v>
      </c>
      <c r="G41" s="33">
        <v>612593</v>
      </c>
      <c r="H41" s="134">
        <v>113534</v>
      </c>
    </row>
    <row r="42" spans="1:9" ht="15" customHeight="1" x14ac:dyDescent="0.2">
      <c r="B42" s="69" t="s">
        <v>258</v>
      </c>
      <c r="C42" s="75"/>
      <c r="D42" s="33" t="s">
        <v>229</v>
      </c>
      <c r="E42" s="33" t="s">
        <v>229</v>
      </c>
      <c r="F42" s="33" t="s">
        <v>229</v>
      </c>
      <c r="G42" s="33">
        <v>20000</v>
      </c>
      <c r="H42" s="134" t="s">
        <v>282</v>
      </c>
    </row>
    <row r="43" spans="1:9" ht="15" customHeight="1" x14ac:dyDescent="0.2">
      <c r="B43" s="69" t="s">
        <v>259</v>
      </c>
      <c r="C43" s="74"/>
      <c r="D43" s="33" t="s">
        <v>229</v>
      </c>
      <c r="E43" s="33" t="s">
        <v>229</v>
      </c>
      <c r="F43" s="33" t="s">
        <v>229</v>
      </c>
      <c r="G43" s="33">
        <v>138470</v>
      </c>
      <c r="H43" s="134">
        <v>139523</v>
      </c>
    </row>
    <row r="44" spans="1:9" ht="15" customHeight="1" x14ac:dyDescent="0.2">
      <c r="B44" s="69" t="s">
        <v>260</v>
      </c>
      <c r="C44" s="74"/>
      <c r="D44" s="33" t="s">
        <v>229</v>
      </c>
      <c r="E44" s="33" t="s">
        <v>229</v>
      </c>
      <c r="F44" s="33" t="s">
        <v>229</v>
      </c>
      <c r="G44" s="33">
        <v>12614</v>
      </c>
      <c r="H44" s="134">
        <v>21137</v>
      </c>
    </row>
    <row r="45" spans="1:9" ht="15" customHeight="1" x14ac:dyDescent="0.2">
      <c r="B45" s="69" t="s">
        <v>261</v>
      </c>
      <c r="C45" s="74"/>
      <c r="D45" s="33" t="s">
        <v>229</v>
      </c>
      <c r="E45" s="33" t="s">
        <v>229</v>
      </c>
      <c r="F45" s="33" t="s">
        <v>229</v>
      </c>
      <c r="G45" s="33">
        <v>18718</v>
      </c>
      <c r="H45" s="134">
        <v>18930</v>
      </c>
    </row>
    <row r="46" spans="1:9" ht="15" customHeight="1" x14ac:dyDescent="0.2">
      <c r="B46" s="69" t="s">
        <v>262</v>
      </c>
      <c r="C46" s="74"/>
      <c r="D46" s="33" t="s">
        <v>229</v>
      </c>
      <c r="E46" s="33" t="s">
        <v>229</v>
      </c>
      <c r="F46" s="33" t="s">
        <v>229</v>
      </c>
      <c r="G46" s="33">
        <v>26120</v>
      </c>
      <c r="H46" s="134">
        <v>15913</v>
      </c>
    </row>
    <row r="47" spans="1:9" ht="15" customHeight="1" x14ac:dyDescent="0.2">
      <c r="B47" s="69" t="s">
        <v>263</v>
      </c>
      <c r="C47" s="74"/>
      <c r="D47" s="33" t="s">
        <v>229</v>
      </c>
      <c r="E47" s="33" t="s">
        <v>229</v>
      </c>
      <c r="F47" s="33" t="s">
        <v>229</v>
      </c>
      <c r="G47" s="33">
        <v>7786</v>
      </c>
      <c r="H47" s="134">
        <v>4069</v>
      </c>
    </row>
    <row r="48" spans="1:9" ht="15" customHeight="1" x14ac:dyDescent="0.2">
      <c r="B48" s="69" t="s">
        <v>154</v>
      </c>
      <c r="C48" s="74"/>
      <c r="D48" s="33" t="s">
        <v>229</v>
      </c>
      <c r="E48" s="33" t="s">
        <v>229</v>
      </c>
      <c r="F48" s="33" t="s">
        <v>229</v>
      </c>
      <c r="G48" s="33">
        <v>57124</v>
      </c>
      <c r="H48" s="134">
        <v>48618</v>
      </c>
    </row>
    <row r="49" spans="2:8" ht="15" customHeight="1" x14ac:dyDescent="0.2">
      <c r="B49" s="69" t="s">
        <v>242</v>
      </c>
      <c r="C49" s="74"/>
      <c r="D49" s="33" t="s">
        <v>280</v>
      </c>
      <c r="E49" s="33" t="s">
        <v>280</v>
      </c>
      <c r="F49" s="33" t="s">
        <v>280</v>
      </c>
      <c r="G49" s="33">
        <v>202750</v>
      </c>
      <c r="H49" s="134">
        <v>89342</v>
      </c>
    </row>
    <row r="50" spans="2:8" ht="15" customHeight="1" x14ac:dyDescent="0.2">
      <c r="B50" s="69" t="s">
        <v>111</v>
      </c>
      <c r="C50" s="76"/>
      <c r="D50" s="36" t="s">
        <v>229</v>
      </c>
      <c r="E50" s="36" t="s">
        <v>229</v>
      </c>
      <c r="F50" s="36" t="s">
        <v>229</v>
      </c>
      <c r="G50" s="36">
        <v>1374862</v>
      </c>
      <c r="H50" s="137">
        <v>801637</v>
      </c>
    </row>
    <row r="51" spans="2:8" ht="15" customHeight="1" x14ac:dyDescent="0.2">
      <c r="B51" s="22" t="s">
        <v>264</v>
      </c>
      <c r="C51" s="73"/>
      <c r="D51" s="33"/>
      <c r="E51" s="33"/>
      <c r="F51" s="33"/>
      <c r="G51" s="33"/>
      <c r="H51" s="134"/>
    </row>
    <row r="52" spans="2:8" ht="15" customHeight="1" x14ac:dyDescent="0.2">
      <c r="B52" s="69" t="s">
        <v>265</v>
      </c>
      <c r="C52" s="74"/>
      <c r="D52" s="33" t="s">
        <v>229</v>
      </c>
      <c r="E52" s="33" t="s">
        <v>229</v>
      </c>
      <c r="F52" s="33" t="s">
        <v>229</v>
      </c>
      <c r="G52" s="33">
        <v>40000</v>
      </c>
      <c r="H52" s="134">
        <v>40000</v>
      </c>
    </row>
    <row r="53" spans="2:8" ht="15" customHeight="1" x14ac:dyDescent="0.2">
      <c r="B53" s="69" t="s">
        <v>266</v>
      </c>
      <c r="C53" s="74"/>
      <c r="D53" s="33" t="s">
        <v>229</v>
      </c>
      <c r="E53" s="33" t="s">
        <v>229</v>
      </c>
      <c r="F53" s="33" t="s">
        <v>229</v>
      </c>
      <c r="G53" s="33">
        <v>40251</v>
      </c>
      <c r="H53" s="134">
        <v>490333</v>
      </c>
    </row>
    <row r="54" spans="2:8" ht="15" customHeight="1" x14ac:dyDescent="0.2">
      <c r="B54" s="69" t="s">
        <v>114</v>
      </c>
      <c r="C54" s="74"/>
      <c r="D54" s="33" t="s">
        <v>229</v>
      </c>
      <c r="E54" s="33" t="s">
        <v>229</v>
      </c>
      <c r="F54" s="33" t="s">
        <v>229</v>
      </c>
      <c r="G54" s="33">
        <v>117341</v>
      </c>
      <c r="H54" s="134">
        <v>110074</v>
      </c>
    </row>
    <row r="55" spans="2:8" ht="15" customHeight="1" x14ac:dyDescent="0.2">
      <c r="B55" s="69" t="s">
        <v>267</v>
      </c>
      <c r="C55" s="74"/>
      <c r="D55" s="33" t="s">
        <v>229</v>
      </c>
      <c r="E55" s="33" t="s">
        <v>229</v>
      </c>
      <c r="F55" s="33" t="s">
        <v>229</v>
      </c>
      <c r="G55" s="33">
        <v>29429</v>
      </c>
      <c r="H55" s="134">
        <v>23836</v>
      </c>
    </row>
    <row r="56" spans="2:8" ht="15" customHeight="1" x14ac:dyDescent="0.2">
      <c r="B56" s="69" t="s">
        <v>268</v>
      </c>
      <c r="C56" s="74"/>
      <c r="D56" s="36" t="s">
        <v>229</v>
      </c>
      <c r="E56" s="36" t="s">
        <v>229</v>
      </c>
      <c r="F56" s="36" t="s">
        <v>229</v>
      </c>
      <c r="G56" s="36">
        <v>227021</v>
      </c>
      <c r="H56" s="137">
        <v>664243</v>
      </c>
    </row>
    <row r="57" spans="2:8" ht="15" customHeight="1" x14ac:dyDescent="0.2">
      <c r="B57" s="11" t="s">
        <v>269</v>
      </c>
      <c r="C57" s="74"/>
      <c r="D57" s="33"/>
      <c r="E57" s="33"/>
      <c r="F57" s="33"/>
      <c r="G57" s="33">
        <v>1601883</v>
      </c>
      <c r="H57" s="134">
        <v>1465881</v>
      </c>
    </row>
    <row r="58" spans="2:8" ht="15" customHeight="1" x14ac:dyDescent="0.2">
      <c r="B58" s="22" t="s">
        <v>270</v>
      </c>
      <c r="C58" s="73"/>
      <c r="D58" s="33"/>
      <c r="E58" s="33"/>
      <c r="F58" s="33"/>
      <c r="G58" s="33"/>
      <c r="H58" s="134"/>
    </row>
    <row r="59" spans="2:8" ht="15" customHeight="1" x14ac:dyDescent="0.2">
      <c r="B59" s="69" t="s">
        <v>271</v>
      </c>
      <c r="C59" s="74"/>
      <c r="D59" s="33"/>
      <c r="E59" s="33"/>
      <c r="F59" s="33"/>
      <c r="G59" s="33"/>
      <c r="H59" s="134"/>
    </row>
    <row r="60" spans="2:8" ht="15" customHeight="1" x14ac:dyDescent="0.2">
      <c r="B60" s="70" t="s">
        <v>180</v>
      </c>
      <c r="C60" s="74"/>
      <c r="D60" s="33" t="s">
        <v>229</v>
      </c>
      <c r="E60" s="33" t="s">
        <v>229</v>
      </c>
      <c r="F60" s="33" t="s">
        <v>229</v>
      </c>
      <c r="G60" s="33">
        <v>500</v>
      </c>
      <c r="H60" s="134">
        <v>5000</v>
      </c>
    </row>
    <row r="61" spans="2:8" ht="15" customHeight="1" x14ac:dyDescent="0.2">
      <c r="B61" s="70" t="s">
        <v>5</v>
      </c>
      <c r="C61" s="74"/>
      <c r="D61" s="33" t="s">
        <v>229</v>
      </c>
      <c r="E61" s="33" t="s">
        <v>229</v>
      </c>
      <c r="F61" s="33" t="s">
        <v>229</v>
      </c>
      <c r="G61" s="33">
        <v>222457</v>
      </c>
      <c r="H61" s="134">
        <v>576792</v>
      </c>
    </row>
    <row r="62" spans="2:8" ht="15" customHeight="1" x14ac:dyDescent="0.2">
      <c r="B62" s="70" t="s">
        <v>272</v>
      </c>
      <c r="C62" s="74"/>
      <c r="D62" s="33" t="s">
        <v>229</v>
      </c>
      <c r="E62" s="33" t="s">
        <v>229</v>
      </c>
      <c r="F62" s="33" t="s">
        <v>229</v>
      </c>
      <c r="G62" s="33">
        <v>-123644</v>
      </c>
      <c r="H62" s="134">
        <v>-148597</v>
      </c>
    </row>
    <row r="63" spans="2:8" ht="15" customHeight="1" x14ac:dyDescent="0.2">
      <c r="B63" s="70" t="s">
        <v>273</v>
      </c>
      <c r="C63" s="74"/>
      <c r="D63" s="33" t="s">
        <v>229</v>
      </c>
      <c r="E63" s="33" t="s">
        <v>229</v>
      </c>
      <c r="F63" s="33" t="s">
        <v>229</v>
      </c>
      <c r="G63" s="33">
        <v>-13899</v>
      </c>
      <c r="H63" s="134">
        <v>-13902</v>
      </c>
    </row>
    <row r="64" spans="2:8" ht="15" customHeight="1" x14ac:dyDescent="0.2">
      <c r="B64" s="70" t="s">
        <v>274</v>
      </c>
      <c r="C64" s="74"/>
      <c r="D64" s="36" t="s">
        <v>229</v>
      </c>
      <c r="E64" s="36" t="s">
        <v>229</v>
      </c>
      <c r="F64" s="36" t="s">
        <v>229</v>
      </c>
      <c r="G64" s="36">
        <v>85414</v>
      </c>
      <c r="H64" s="137">
        <v>419292</v>
      </c>
    </row>
    <row r="65" spans="1:9" ht="15" customHeight="1" x14ac:dyDescent="0.2">
      <c r="B65" s="69" t="s">
        <v>275</v>
      </c>
      <c r="C65" s="77"/>
      <c r="D65" s="33"/>
      <c r="E65" s="33"/>
      <c r="F65" s="33"/>
      <c r="G65" s="33"/>
      <c r="H65" s="134"/>
    </row>
    <row r="66" spans="1:9" ht="15" customHeight="1" x14ac:dyDescent="0.2">
      <c r="B66" s="70" t="s">
        <v>276</v>
      </c>
      <c r="C66" s="74"/>
      <c r="D66" s="33" t="s">
        <v>281</v>
      </c>
      <c r="E66" s="33" t="s">
        <v>281</v>
      </c>
      <c r="F66" s="33" t="s">
        <v>281</v>
      </c>
      <c r="G66" s="33">
        <v>11634</v>
      </c>
      <c r="H66" s="134">
        <v>14474</v>
      </c>
    </row>
    <row r="67" spans="1:9" ht="15" customHeight="1" x14ac:dyDescent="0.2">
      <c r="B67" s="70" t="s">
        <v>277</v>
      </c>
      <c r="C67" s="74"/>
      <c r="D67" s="33" t="s">
        <v>229</v>
      </c>
      <c r="E67" s="33" t="s">
        <v>229</v>
      </c>
      <c r="F67" s="33" t="s">
        <v>229</v>
      </c>
      <c r="G67" s="33">
        <v>-843</v>
      </c>
      <c r="H67" s="134">
        <v>39</v>
      </c>
    </row>
    <row r="68" spans="1:9" ht="15" customHeight="1" x14ac:dyDescent="0.2">
      <c r="B68" s="70" t="s">
        <v>126</v>
      </c>
      <c r="C68" s="74"/>
      <c r="D68" s="33" t="s">
        <v>229</v>
      </c>
      <c r="E68" s="33" t="s">
        <v>229</v>
      </c>
      <c r="F68" s="33" t="s">
        <v>229</v>
      </c>
      <c r="G68" s="33">
        <v>-38456</v>
      </c>
      <c r="H68" s="134">
        <v>-44355</v>
      </c>
    </row>
    <row r="69" spans="1:9" ht="15" customHeight="1" x14ac:dyDescent="0.2">
      <c r="B69" s="70" t="s">
        <v>127</v>
      </c>
      <c r="C69" s="74"/>
      <c r="D69" s="33" t="s">
        <v>229</v>
      </c>
      <c r="E69" s="33" t="s">
        <v>229</v>
      </c>
      <c r="F69" s="33" t="s">
        <v>229</v>
      </c>
      <c r="G69" s="33">
        <v>-100799</v>
      </c>
      <c r="H69" s="134">
        <v>-95296</v>
      </c>
    </row>
    <row r="70" spans="1:9" ht="15" customHeight="1" x14ac:dyDescent="0.2">
      <c r="B70" s="70" t="s">
        <v>278</v>
      </c>
      <c r="C70" s="77"/>
      <c r="D70" s="36" t="s">
        <v>229</v>
      </c>
      <c r="E70" s="36" t="s">
        <v>229</v>
      </c>
      <c r="F70" s="36" t="s">
        <v>229</v>
      </c>
      <c r="G70" s="36">
        <v>-128464</v>
      </c>
      <c r="H70" s="137">
        <v>-125138</v>
      </c>
    </row>
    <row r="71" spans="1:9" ht="15" customHeight="1" x14ac:dyDescent="0.2">
      <c r="B71" s="69" t="s">
        <v>176</v>
      </c>
      <c r="C71" s="74"/>
      <c r="D71" s="36" t="s">
        <v>229</v>
      </c>
      <c r="E71" s="36" t="s">
        <v>229</v>
      </c>
      <c r="F71" s="36" t="s">
        <v>229</v>
      </c>
      <c r="G71" s="36">
        <v>11839</v>
      </c>
      <c r="H71" s="137">
        <v>13646</v>
      </c>
    </row>
    <row r="72" spans="1:9" ht="15" customHeight="1" x14ac:dyDescent="0.2">
      <c r="B72" s="69" t="s">
        <v>117</v>
      </c>
      <c r="C72" s="76"/>
      <c r="D72" s="34" t="s">
        <v>229</v>
      </c>
      <c r="E72" s="34" t="s">
        <v>229</v>
      </c>
      <c r="F72" s="34" t="s">
        <v>229</v>
      </c>
      <c r="G72" s="36">
        <v>-31211</v>
      </c>
      <c r="H72" s="137">
        <v>307801</v>
      </c>
    </row>
    <row r="73" spans="1:9" ht="15" customHeight="1" x14ac:dyDescent="0.2">
      <c r="B73" s="11" t="s">
        <v>279</v>
      </c>
      <c r="C73" s="76"/>
      <c r="D73" s="34" t="s">
        <v>229</v>
      </c>
      <c r="E73" s="34" t="s">
        <v>229</v>
      </c>
      <c r="F73" s="34" t="s">
        <v>229</v>
      </c>
      <c r="G73" s="36">
        <v>1570672</v>
      </c>
      <c r="H73" s="137">
        <v>1773682</v>
      </c>
    </row>
    <row r="74" spans="1:9" ht="15" customHeight="1" x14ac:dyDescent="0.2">
      <c r="B74" s="25"/>
      <c r="C74" s="13"/>
      <c r="D74" s="36"/>
      <c r="E74" s="36"/>
      <c r="F74" s="36"/>
      <c r="G74" s="36"/>
      <c r="H74" s="137"/>
    </row>
    <row r="75" spans="1:9" ht="15.95" customHeight="1" x14ac:dyDescent="0.2">
      <c r="A75" s="6"/>
      <c r="B75" s="7"/>
      <c r="C75" s="8"/>
      <c r="D75" s="9" t="s">
        <v>10</v>
      </c>
      <c r="E75" s="9" t="s">
        <v>11</v>
      </c>
      <c r="F75" s="9" t="s">
        <v>148</v>
      </c>
      <c r="G75" s="9" t="s">
        <v>156</v>
      </c>
      <c r="H75" s="10" t="s">
        <v>213</v>
      </c>
      <c r="I75" s="6"/>
    </row>
    <row r="76" spans="1:9" ht="15.95" customHeight="1" x14ac:dyDescent="0.2">
      <c r="A76" s="6"/>
      <c r="B76" s="30" t="s">
        <v>118</v>
      </c>
      <c r="C76" s="72"/>
      <c r="D76" s="28"/>
      <c r="E76" s="28"/>
      <c r="F76" s="28"/>
      <c r="G76" s="28"/>
      <c r="H76" s="29"/>
      <c r="I76" s="6"/>
    </row>
    <row r="77" spans="1:9" ht="15.95" customHeight="1" x14ac:dyDescent="0.2">
      <c r="A77" s="6"/>
      <c r="B77" s="22" t="s">
        <v>87</v>
      </c>
      <c r="C77" s="73"/>
      <c r="D77" s="16"/>
      <c r="E77" s="16"/>
      <c r="F77" s="16"/>
      <c r="G77" s="16"/>
      <c r="H77" s="17"/>
      <c r="I77" s="6"/>
    </row>
    <row r="78" spans="1:9" ht="15.95" customHeight="1" x14ac:dyDescent="0.2">
      <c r="A78" s="6"/>
      <c r="B78" s="69" t="s">
        <v>88</v>
      </c>
      <c r="C78" s="74"/>
      <c r="D78" s="33">
        <v>187866</v>
      </c>
      <c r="E78" s="33">
        <v>350634</v>
      </c>
      <c r="F78" s="33">
        <v>232211</v>
      </c>
      <c r="G78" s="33">
        <v>149533</v>
      </c>
      <c r="H78" s="134" t="s">
        <v>229</v>
      </c>
      <c r="I78" s="6"/>
    </row>
    <row r="79" spans="1:9" ht="15.95" customHeight="1" x14ac:dyDescent="0.2">
      <c r="A79" s="6"/>
      <c r="B79" s="69" t="s">
        <v>2</v>
      </c>
      <c r="C79" s="74"/>
      <c r="D79" s="33">
        <v>74</v>
      </c>
      <c r="E79" s="33">
        <v>20768</v>
      </c>
      <c r="F79" s="33">
        <v>22439</v>
      </c>
      <c r="G79" s="33">
        <v>25866</v>
      </c>
      <c r="H79" s="134" t="s">
        <v>229</v>
      </c>
      <c r="I79" s="6"/>
    </row>
    <row r="80" spans="1:9" ht="15.95" customHeight="1" x14ac:dyDescent="0.2">
      <c r="A80" s="6"/>
      <c r="B80" s="69" t="s">
        <v>89</v>
      </c>
      <c r="C80" s="74"/>
      <c r="D80" s="33">
        <v>4001</v>
      </c>
      <c r="E80" s="33">
        <v>8194</v>
      </c>
      <c r="F80" s="33">
        <v>3843</v>
      </c>
      <c r="G80" s="33" t="s">
        <v>174</v>
      </c>
      <c r="H80" s="134" t="s">
        <v>151</v>
      </c>
      <c r="I80" s="6"/>
    </row>
    <row r="81" spans="1:9" ht="15.95" customHeight="1" x14ac:dyDescent="0.2">
      <c r="A81" s="6"/>
      <c r="B81" s="69" t="s">
        <v>175</v>
      </c>
      <c r="C81" s="74"/>
      <c r="D81" s="33" t="s">
        <v>174</v>
      </c>
      <c r="E81" s="33" t="s">
        <v>174</v>
      </c>
      <c r="F81" s="33" t="s">
        <v>174</v>
      </c>
      <c r="G81" s="33">
        <v>100000</v>
      </c>
      <c r="H81" s="134" t="s">
        <v>229</v>
      </c>
      <c r="I81" s="6"/>
    </row>
    <row r="82" spans="1:9" ht="15.95" customHeight="1" x14ac:dyDescent="0.2">
      <c r="A82" s="6"/>
      <c r="B82" s="69" t="s">
        <v>90</v>
      </c>
      <c r="C82" s="74"/>
      <c r="D82" s="33"/>
      <c r="E82" s="33"/>
      <c r="F82" s="33"/>
      <c r="G82" s="33"/>
      <c r="H82" s="134"/>
      <c r="I82" s="6"/>
    </row>
    <row r="83" spans="1:9" ht="15.95" customHeight="1" x14ac:dyDescent="0.2">
      <c r="A83" s="6"/>
      <c r="B83" s="70" t="s">
        <v>91</v>
      </c>
      <c r="C83" s="75"/>
      <c r="D83" s="33">
        <v>416107</v>
      </c>
      <c r="E83" s="33">
        <v>423552</v>
      </c>
      <c r="F83" s="33">
        <v>405583</v>
      </c>
      <c r="G83" s="33">
        <v>279503</v>
      </c>
      <c r="H83" s="134" t="s">
        <v>229</v>
      </c>
      <c r="I83" s="6"/>
    </row>
    <row r="84" spans="1:9" ht="15.95" customHeight="1" x14ac:dyDescent="0.2">
      <c r="A84" s="6"/>
      <c r="B84" s="70" t="s">
        <v>49</v>
      </c>
      <c r="C84" s="75"/>
      <c r="D84" s="33">
        <v>122499</v>
      </c>
      <c r="E84" s="33">
        <v>130538</v>
      </c>
      <c r="F84" s="33">
        <v>181196</v>
      </c>
      <c r="G84" s="33">
        <v>136554</v>
      </c>
      <c r="H84" s="134" t="s">
        <v>229</v>
      </c>
      <c r="I84" s="6"/>
    </row>
    <row r="85" spans="1:9" ht="15.75" customHeight="1" x14ac:dyDescent="0.2">
      <c r="B85" s="70" t="s">
        <v>92</v>
      </c>
      <c r="C85" s="75"/>
      <c r="D85" s="33">
        <v>24882</v>
      </c>
      <c r="E85" s="33">
        <v>20612</v>
      </c>
      <c r="F85" s="33">
        <v>22946</v>
      </c>
      <c r="G85" s="33">
        <v>19325</v>
      </c>
      <c r="H85" s="134" t="s">
        <v>229</v>
      </c>
    </row>
    <row r="86" spans="1:9" ht="15.95" customHeight="1" x14ac:dyDescent="0.2">
      <c r="B86" s="70" t="s">
        <v>93</v>
      </c>
      <c r="C86" s="75"/>
      <c r="D86" s="33">
        <v>-5259</v>
      </c>
      <c r="E86" s="33">
        <v>-5850</v>
      </c>
      <c r="F86" s="33">
        <v>-4054</v>
      </c>
      <c r="G86" s="33">
        <v>-5349</v>
      </c>
      <c r="H86" s="134" t="s">
        <v>229</v>
      </c>
    </row>
    <row r="87" spans="1:9" ht="15.95" customHeight="1" x14ac:dyDescent="0.2">
      <c r="B87" s="69" t="s">
        <v>22</v>
      </c>
      <c r="C87" s="74"/>
      <c r="D87" s="33">
        <v>310709</v>
      </c>
      <c r="E87" s="33">
        <v>295126</v>
      </c>
      <c r="F87" s="33">
        <v>338300</v>
      </c>
      <c r="G87" s="33">
        <v>184313</v>
      </c>
      <c r="H87" s="134" t="s">
        <v>229</v>
      </c>
    </row>
    <row r="88" spans="1:9" ht="15.95" customHeight="1" x14ac:dyDescent="0.2">
      <c r="B88" s="69" t="s">
        <v>94</v>
      </c>
      <c r="C88" s="74"/>
      <c r="D88" s="33">
        <v>19369</v>
      </c>
      <c r="E88" s="33">
        <v>23733</v>
      </c>
      <c r="F88" s="33">
        <v>16576</v>
      </c>
      <c r="G88" s="33">
        <v>10966</v>
      </c>
      <c r="H88" s="134" t="s">
        <v>229</v>
      </c>
    </row>
    <row r="89" spans="1:9" ht="15.95" customHeight="1" x14ac:dyDescent="0.2">
      <c r="B89" s="69" t="s">
        <v>95</v>
      </c>
      <c r="C89" s="74"/>
      <c r="D89" s="33">
        <v>141587</v>
      </c>
      <c r="E89" s="33">
        <v>106937</v>
      </c>
      <c r="F89" s="33">
        <v>80155</v>
      </c>
      <c r="G89" s="33">
        <v>65248</v>
      </c>
      <c r="H89" s="134" t="s">
        <v>229</v>
      </c>
    </row>
    <row r="90" spans="1:9" ht="15.95" customHeight="1" x14ac:dyDescent="0.2">
      <c r="B90" s="23" t="s">
        <v>96</v>
      </c>
      <c r="C90" s="76"/>
      <c r="D90" s="34">
        <v>1221835</v>
      </c>
      <c r="E90" s="34">
        <v>1374244</v>
      </c>
      <c r="F90" s="34">
        <v>1299195</v>
      </c>
      <c r="G90" s="34">
        <v>965959</v>
      </c>
      <c r="H90" s="135" t="s">
        <v>229</v>
      </c>
    </row>
    <row r="91" spans="1:9" ht="15.95" customHeight="1" x14ac:dyDescent="0.2">
      <c r="B91" s="11"/>
      <c r="C91" s="77"/>
      <c r="D91" s="33"/>
      <c r="E91" s="33"/>
      <c r="F91" s="33"/>
      <c r="G91" s="33"/>
      <c r="H91" s="134"/>
    </row>
    <row r="92" spans="1:9" ht="15.95" customHeight="1" x14ac:dyDescent="0.2">
      <c r="B92" s="22" t="s">
        <v>97</v>
      </c>
      <c r="C92" s="73"/>
      <c r="D92" s="33"/>
      <c r="E92" s="33"/>
      <c r="F92" s="33"/>
      <c r="G92" s="33"/>
      <c r="H92" s="134"/>
    </row>
    <row r="93" spans="1:9" ht="15.95" customHeight="1" x14ac:dyDescent="0.2">
      <c r="B93" s="69" t="s">
        <v>98</v>
      </c>
      <c r="C93" s="74"/>
      <c r="D93" s="33">
        <v>94448</v>
      </c>
      <c r="E93" s="33">
        <v>92784</v>
      </c>
      <c r="F93" s="33">
        <v>87619</v>
      </c>
      <c r="G93" s="33">
        <v>85352</v>
      </c>
      <c r="H93" s="134" t="s">
        <v>229</v>
      </c>
    </row>
    <row r="94" spans="1:9" ht="15.95" customHeight="1" x14ac:dyDescent="0.2">
      <c r="B94" s="69" t="s">
        <v>99</v>
      </c>
      <c r="C94" s="74"/>
      <c r="D94" s="33">
        <v>713657</v>
      </c>
      <c r="E94" s="33">
        <v>718606</v>
      </c>
      <c r="F94" s="33">
        <v>658741</v>
      </c>
      <c r="G94" s="33">
        <v>643926</v>
      </c>
      <c r="H94" s="134" t="s">
        <v>229</v>
      </c>
    </row>
    <row r="95" spans="1:9" ht="15.75" customHeight="1" x14ac:dyDescent="0.2">
      <c r="B95" s="69" t="s">
        <v>100</v>
      </c>
      <c r="C95" s="74"/>
      <c r="D95" s="33">
        <v>1726978</v>
      </c>
      <c r="E95" s="33">
        <v>1719244</v>
      </c>
      <c r="F95" s="33">
        <v>1651778</v>
      </c>
      <c r="G95" s="33">
        <v>1574129</v>
      </c>
      <c r="H95" s="134" t="s">
        <v>229</v>
      </c>
    </row>
    <row r="96" spans="1:9" ht="15.95" customHeight="1" x14ac:dyDescent="0.2">
      <c r="B96" s="69" t="s">
        <v>101</v>
      </c>
      <c r="C96" s="74"/>
      <c r="D96" s="33">
        <v>22874</v>
      </c>
      <c r="E96" s="33">
        <v>21415</v>
      </c>
      <c r="F96" s="33">
        <v>19896</v>
      </c>
      <c r="G96" s="33">
        <v>7916</v>
      </c>
      <c r="H96" s="134" t="s">
        <v>229</v>
      </c>
    </row>
    <row r="97" spans="1:9" ht="15.95" customHeight="1" x14ac:dyDescent="0.2">
      <c r="B97" s="11"/>
      <c r="C97" s="77"/>
      <c r="D97" s="34">
        <v>2557957</v>
      </c>
      <c r="E97" s="34">
        <v>2552049</v>
      </c>
      <c r="F97" s="34">
        <v>2418034</v>
      </c>
      <c r="G97" s="34">
        <v>2311323</v>
      </c>
      <c r="H97" s="135" t="s">
        <v>229</v>
      </c>
    </row>
    <row r="98" spans="1:9" ht="15.95" customHeight="1" x14ac:dyDescent="0.2">
      <c r="B98" s="69" t="s">
        <v>102</v>
      </c>
      <c r="C98" s="74"/>
      <c r="D98" s="35">
        <v>-1994258</v>
      </c>
      <c r="E98" s="35">
        <v>-2032348</v>
      </c>
      <c r="F98" s="35">
        <v>-2017442</v>
      </c>
      <c r="G98" s="35">
        <v>-1960118</v>
      </c>
      <c r="H98" s="136" t="s">
        <v>229</v>
      </c>
    </row>
    <row r="99" spans="1:9" ht="15.95" customHeight="1" x14ac:dyDescent="0.2">
      <c r="B99" s="11"/>
      <c r="C99" s="77"/>
      <c r="D99" s="33">
        <v>563699</v>
      </c>
      <c r="E99" s="33">
        <v>519701</v>
      </c>
      <c r="F99" s="33">
        <v>400592</v>
      </c>
      <c r="G99" s="33">
        <v>351205</v>
      </c>
      <c r="H99" s="134" t="s">
        <v>229</v>
      </c>
    </row>
    <row r="100" spans="1:9" ht="15.95" customHeight="1" x14ac:dyDescent="0.2">
      <c r="B100" s="11"/>
      <c r="C100" s="77"/>
      <c r="D100" s="33"/>
      <c r="E100" s="33"/>
      <c r="F100" s="33"/>
      <c r="G100" s="33"/>
      <c r="H100" s="134"/>
    </row>
    <row r="101" spans="1:9" ht="15.95" customHeight="1" x14ac:dyDescent="0.2">
      <c r="B101" s="22" t="s">
        <v>103</v>
      </c>
      <c r="C101" s="73"/>
      <c r="D101" s="33"/>
      <c r="E101" s="33"/>
      <c r="F101" s="33"/>
      <c r="G101" s="33"/>
      <c r="H101" s="134"/>
    </row>
    <row r="102" spans="1:9" ht="15.95" customHeight="1" x14ac:dyDescent="0.2">
      <c r="B102" s="69" t="s">
        <v>8</v>
      </c>
      <c r="C102" s="74"/>
      <c r="D102" s="33">
        <v>21064</v>
      </c>
      <c r="E102" s="33">
        <v>11103</v>
      </c>
      <c r="F102" s="33">
        <v>4170</v>
      </c>
      <c r="G102" s="33">
        <v>2256</v>
      </c>
      <c r="H102" s="134" t="s">
        <v>229</v>
      </c>
    </row>
    <row r="103" spans="1:9" ht="15.95" customHeight="1" x14ac:dyDescent="0.2">
      <c r="B103" s="69" t="s">
        <v>106</v>
      </c>
      <c r="C103" s="74"/>
      <c r="D103" s="33">
        <v>49666</v>
      </c>
      <c r="E103" s="33">
        <v>61593</v>
      </c>
      <c r="F103" s="33">
        <v>58556</v>
      </c>
      <c r="G103" s="33">
        <v>58765</v>
      </c>
      <c r="H103" s="134" t="s">
        <v>229</v>
      </c>
    </row>
    <row r="104" spans="1:9" ht="16.5" customHeight="1" x14ac:dyDescent="0.2">
      <c r="B104" s="69" t="s">
        <v>128</v>
      </c>
      <c r="C104" s="74"/>
      <c r="D104" s="33">
        <v>106790</v>
      </c>
      <c r="E104" s="33">
        <v>112418</v>
      </c>
      <c r="F104" s="33">
        <v>109239</v>
      </c>
      <c r="G104" s="33">
        <v>107662</v>
      </c>
      <c r="H104" s="134" t="s">
        <v>229</v>
      </c>
    </row>
    <row r="105" spans="1:9" ht="15.95" customHeight="1" x14ac:dyDescent="0.2">
      <c r="B105" s="69" t="s">
        <v>104</v>
      </c>
      <c r="C105" s="74"/>
      <c r="D105" s="33">
        <v>610</v>
      </c>
      <c r="E105" s="33">
        <v>137</v>
      </c>
      <c r="F105" s="33">
        <v>83</v>
      </c>
      <c r="G105" s="33">
        <v>58</v>
      </c>
      <c r="H105" s="134" t="s">
        <v>229</v>
      </c>
    </row>
    <row r="106" spans="1:9" ht="15.95" customHeight="1" x14ac:dyDescent="0.2">
      <c r="B106" s="69" t="s">
        <v>105</v>
      </c>
      <c r="C106" s="74"/>
      <c r="D106" s="35">
        <v>124099</v>
      </c>
      <c r="E106" s="35">
        <v>102484</v>
      </c>
      <c r="F106" s="35">
        <v>90074</v>
      </c>
      <c r="G106" s="35">
        <v>84767</v>
      </c>
      <c r="H106" s="136" t="s">
        <v>229</v>
      </c>
    </row>
    <row r="107" spans="1:9" ht="15.95" customHeight="1" x14ac:dyDescent="0.2">
      <c r="B107" s="24"/>
      <c r="C107" s="6"/>
      <c r="D107" s="36">
        <v>302229</v>
      </c>
      <c r="E107" s="36">
        <v>287735</v>
      </c>
      <c r="F107" s="36">
        <v>262122</v>
      </c>
      <c r="G107" s="36">
        <v>253508</v>
      </c>
      <c r="H107" s="137" t="s">
        <v>229</v>
      </c>
    </row>
    <row r="108" spans="1:9" ht="15.95" customHeight="1" x14ac:dyDescent="0.2">
      <c r="B108" s="25"/>
      <c r="C108" s="13"/>
      <c r="D108" s="35">
        <v>2087763</v>
      </c>
      <c r="E108" s="35">
        <v>2181680</v>
      </c>
      <c r="F108" s="35">
        <v>1961909</v>
      </c>
      <c r="G108" s="35">
        <v>1570672</v>
      </c>
      <c r="H108" s="136" t="s">
        <v>229</v>
      </c>
    </row>
    <row r="109" spans="1:9" ht="15.95" customHeight="1" x14ac:dyDescent="0.2">
      <c r="A109" s="6"/>
      <c r="B109" s="7"/>
      <c r="C109" s="8"/>
      <c r="D109" s="9" t="s">
        <v>10</v>
      </c>
      <c r="E109" s="9" t="s">
        <v>11</v>
      </c>
      <c r="F109" s="9" t="s">
        <v>148</v>
      </c>
      <c r="G109" s="9" t="s">
        <v>173</v>
      </c>
      <c r="H109" s="10" t="s">
        <v>213</v>
      </c>
      <c r="I109" s="6"/>
    </row>
    <row r="110" spans="1:9" ht="15.95" customHeight="1" x14ac:dyDescent="0.2">
      <c r="B110" s="31" t="s">
        <v>3</v>
      </c>
      <c r="C110" s="78"/>
      <c r="D110" s="26"/>
      <c r="E110" s="26"/>
      <c r="F110" s="26"/>
      <c r="G110" s="26"/>
      <c r="H110" s="27"/>
    </row>
    <row r="111" spans="1:9" ht="15" customHeight="1" x14ac:dyDescent="0.2">
      <c r="B111" s="22" t="s">
        <v>107</v>
      </c>
      <c r="C111" s="73"/>
      <c r="D111" s="16"/>
      <c r="E111" s="16"/>
      <c r="F111" s="16"/>
      <c r="G111" s="16"/>
      <c r="H111" s="17"/>
    </row>
    <row r="112" spans="1:9" ht="29.25" customHeight="1" x14ac:dyDescent="0.2">
      <c r="B112" s="69" t="s">
        <v>120</v>
      </c>
      <c r="C112" s="74"/>
      <c r="D112" s="33">
        <v>924113</v>
      </c>
      <c r="E112" s="33">
        <v>793198</v>
      </c>
      <c r="F112" s="33">
        <v>848947</v>
      </c>
      <c r="G112" s="33">
        <v>638756</v>
      </c>
      <c r="H112" s="134" t="s">
        <v>229</v>
      </c>
    </row>
    <row r="113" spans="2:8" ht="15" customHeight="1" x14ac:dyDescent="0.2">
      <c r="B113" s="69" t="s">
        <v>108</v>
      </c>
      <c r="C113" s="74"/>
      <c r="D113" s="33"/>
      <c r="E113" s="33"/>
      <c r="F113" s="33"/>
      <c r="G113" s="33"/>
      <c r="H113" s="134"/>
    </row>
    <row r="114" spans="2:8" ht="15" customHeight="1" x14ac:dyDescent="0.2">
      <c r="B114" s="70" t="s">
        <v>91</v>
      </c>
      <c r="C114" s="75"/>
      <c r="D114" s="33">
        <v>341351</v>
      </c>
      <c r="E114" s="33">
        <v>347175</v>
      </c>
      <c r="F114" s="33">
        <v>390621</v>
      </c>
      <c r="G114" s="33">
        <v>263746</v>
      </c>
      <c r="H114" s="134" t="s">
        <v>229</v>
      </c>
    </row>
    <row r="115" spans="2:8" ht="15" customHeight="1" x14ac:dyDescent="0.2">
      <c r="B115" s="70" t="s">
        <v>121</v>
      </c>
      <c r="C115" s="75"/>
      <c r="D115" s="33">
        <v>40616</v>
      </c>
      <c r="E115" s="33">
        <v>35892</v>
      </c>
      <c r="F115" s="33">
        <v>42672</v>
      </c>
      <c r="G115" s="33">
        <v>34554</v>
      </c>
      <c r="H115" s="134" t="s">
        <v>229</v>
      </c>
    </row>
    <row r="116" spans="2:8" ht="15" customHeight="1" x14ac:dyDescent="0.2">
      <c r="B116" s="70" t="s">
        <v>122</v>
      </c>
      <c r="C116" s="75"/>
      <c r="D116" s="33">
        <v>23657</v>
      </c>
      <c r="E116" s="33">
        <v>26846</v>
      </c>
      <c r="F116" s="33">
        <v>34726</v>
      </c>
      <c r="G116" s="33">
        <v>14330</v>
      </c>
      <c r="H116" s="134" t="s">
        <v>229</v>
      </c>
    </row>
    <row r="117" spans="2:8" ht="15" customHeight="1" x14ac:dyDescent="0.2">
      <c r="B117" s="69" t="s">
        <v>109</v>
      </c>
      <c r="C117" s="74"/>
      <c r="D117" s="33">
        <v>240394</v>
      </c>
      <c r="E117" s="33">
        <v>235203</v>
      </c>
      <c r="F117" s="33">
        <v>229712</v>
      </c>
      <c r="G117" s="33">
        <v>184558</v>
      </c>
      <c r="H117" s="134" t="s">
        <v>229</v>
      </c>
    </row>
    <row r="118" spans="2:8" ht="15" customHeight="1" x14ac:dyDescent="0.2">
      <c r="B118" s="69" t="s">
        <v>119</v>
      </c>
      <c r="C118" s="74"/>
      <c r="D118" s="33">
        <v>6206</v>
      </c>
      <c r="E118" s="33">
        <v>22056</v>
      </c>
      <c r="F118" s="33">
        <v>15251</v>
      </c>
      <c r="G118" s="33">
        <v>6834</v>
      </c>
      <c r="H118" s="134" t="s">
        <v>230</v>
      </c>
    </row>
    <row r="119" spans="2:8" ht="15" customHeight="1" x14ac:dyDescent="0.2">
      <c r="B119" s="69" t="s">
        <v>154</v>
      </c>
      <c r="C119" s="74"/>
      <c r="D119" s="33" t="s">
        <v>152</v>
      </c>
      <c r="E119" s="33" t="s">
        <v>152</v>
      </c>
      <c r="F119" s="33">
        <v>54655</v>
      </c>
      <c r="G119" s="33">
        <v>57124</v>
      </c>
      <c r="H119" s="134" t="s">
        <v>229</v>
      </c>
    </row>
    <row r="120" spans="2:8" ht="15" customHeight="1" x14ac:dyDescent="0.2">
      <c r="B120" s="69" t="s">
        <v>110</v>
      </c>
      <c r="C120" s="74"/>
      <c r="D120" s="33">
        <v>91196</v>
      </c>
      <c r="E120" s="33">
        <v>91255</v>
      </c>
      <c r="F120" s="33">
        <v>70370</v>
      </c>
      <c r="G120" s="33">
        <v>174960</v>
      </c>
      <c r="H120" s="134" t="s">
        <v>229</v>
      </c>
    </row>
    <row r="121" spans="2:8" ht="15" customHeight="1" x14ac:dyDescent="0.2">
      <c r="B121" s="23" t="s">
        <v>111</v>
      </c>
      <c r="C121" s="76"/>
      <c r="D121" s="34">
        <v>1667533</v>
      </c>
      <c r="E121" s="34">
        <v>1551625</v>
      </c>
      <c r="F121" s="34">
        <v>1686954</v>
      </c>
      <c r="G121" s="34">
        <v>1374862</v>
      </c>
      <c r="H121" s="135" t="s">
        <v>229</v>
      </c>
    </row>
    <row r="122" spans="2:8" ht="9" customHeight="1" x14ac:dyDescent="0.2">
      <c r="B122" s="11"/>
      <c r="C122" s="77"/>
      <c r="D122" s="33"/>
      <c r="E122" s="33"/>
      <c r="F122" s="33"/>
      <c r="G122" s="33"/>
      <c r="H122" s="134"/>
    </row>
    <row r="123" spans="2:8" ht="15" customHeight="1" x14ac:dyDescent="0.2">
      <c r="B123" s="22" t="s">
        <v>112</v>
      </c>
      <c r="C123" s="73"/>
      <c r="D123" s="33"/>
      <c r="E123" s="33"/>
      <c r="F123" s="33"/>
      <c r="G123" s="33"/>
      <c r="H123" s="134"/>
    </row>
    <row r="124" spans="2:8" ht="15" customHeight="1" x14ac:dyDescent="0.2">
      <c r="B124" s="69" t="s">
        <v>113</v>
      </c>
      <c r="C124" s="74"/>
      <c r="D124" s="33">
        <v>250310</v>
      </c>
      <c r="E124" s="33">
        <v>300321</v>
      </c>
      <c r="F124" s="33">
        <v>125329</v>
      </c>
      <c r="G124" s="33">
        <v>92266</v>
      </c>
      <c r="H124" s="134" t="s">
        <v>229</v>
      </c>
    </row>
    <row r="125" spans="2:8" ht="15" customHeight="1" x14ac:dyDescent="0.2">
      <c r="B125" s="69" t="s">
        <v>123</v>
      </c>
      <c r="C125" s="74"/>
      <c r="D125" s="33">
        <v>6501</v>
      </c>
      <c r="E125" s="33" t="s">
        <v>43</v>
      </c>
      <c r="F125" s="33" t="s">
        <v>152</v>
      </c>
      <c r="G125" s="33" t="s">
        <v>174</v>
      </c>
      <c r="H125" s="134" t="s">
        <v>151</v>
      </c>
    </row>
    <row r="126" spans="2:8" ht="15" customHeight="1" x14ac:dyDescent="0.2">
      <c r="B126" s="69" t="s">
        <v>114</v>
      </c>
      <c r="C126" s="74"/>
      <c r="D126" s="33" t="s">
        <v>43</v>
      </c>
      <c r="E126" s="33">
        <v>101383</v>
      </c>
      <c r="F126" s="33">
        <v>85277</v>
      </c>
      <c r="G126" s="33">
        <v>117341</v>
      </c>
      <c r="H126" s="134" t="s">
        <v>229</v>
      </c>
    </row>
    <row r="127" spans="2:8" ht="15" customHeight="1" x14ac:dyDescent="0.2">
      <c r="B127" s="69" t="s">
        <v>339</v>
      </c>
      <c r="C127" s="74"/>
      <c r="D127" s="33">
        <v>14044</v>
      </c>
      <c r="E127" s="33">
        <v>10904</v>
      </c>
      <c r="F127" s="33">
        <v>7727</v>
      </c>
      <c r="G127" s="33">
        <v>7736</v>
      </c>
      <c r="H127" s="134" t="s">
        <v>229</v>
      </c>
    </row>
    <row r="128" spans="2:8" ht="15" customHeight="1" x14ac:dyDescent="0.2">
      <c r="B128" s="69" t="s">
        <v>4</v>
      </c>
      <c r="C128" s="74"/>
      <c r="D128" s="33">
        <v>14538</v>
      </c>
      <c r="E128" s="33">
        <v>10274</v>
      </c>
      <c r="F128" s="33">
        <v>12107</v>
      </c>
      <c r="G128" s="33">
        <v>9678</v>
      </c>
      <c r="H128" s="134" t="s">
        <v>229</v>
      </c>
    </row>
    <row r="129" spans="2:8" ht="15" customHeight="1" x14ac:dyDescent="0.2">
      <c r="B129" s="11"/>
      <c r="C129" s="77"/>
      <c r="D129" s="34">
        <v>285393</v>
      </c>
      <c r="E129" s="34">
        <v>422882</v>
      </c>
      <c r="F129" s="34">
        <v>230440</v>
      </c>
      <c r="G129" s="34">
        <v>227021</v>
      </c>
      <c r="H129" s="135" t="s">
        <v>231</v>
      </c>
    </row>
    <row r="130" spans="2:8" ht="9" customHeight="1" x14ac:dyDescent="0.2">
      <c r="B130" s="11"/>
      <c r="C130" s="77"/>
      <c r="D130" s="33"/>
      <c r="E130" s="33"/>
      <c r="F130" s="33"/>
      <c r="G130" s="33"/>
      <c r="H130" s="134"/>
    </row>
    <row r="131" spans="2:8" ht="15" customHeight="1" x14ac:dyDescent="0.2">
      <c r="B131" s="22" t="s">
        <v>115</v>
      </c>
      <c r="C131" s="73"/>
      <c r="D131" s="33"/>
      <c r="E131" s="33"/>
      <c r="F131" s="33"/>
      <c r="G131" s="33"/>
      <c r="H131" s="134"/>
    </row>
    <row r="132" spans="2:8" ht="15" customHeight="1" x14ac:dyDescent="0.2">
      <c r="B132" s="69" t="s">
        <v>180</v>
      </c>
      <c r="C132" s="74"/>
      <c r="D132" s="33">
        <v>212337</v>
      </c>
      <c r="E132" s="33">
        <v>121885</v>
      </c>
      <c r="F132" s="33">
        <v>121885</v>
      </c>
      <c r="G132" s="33">
        <v>500</v>
      </c>
      <c r="H132" s="134" t="s">
        <v>229</v>
      </c>
    </row>
    <row r="133" spans="2:8" ht="15" customHeight="1" x14ac:dyDescent="0.2">
      <c r="B133" s="69" t="s">
        <v>5</v>
      </c>
      <c r="C133" s="74"/>
      <c r="D133" s="33">
        <v>276179</v>
      </c>
      <c r="E133" s="33">
        <v>95950</v>
      </c>
      <c r="F133" s="33">
        <v>95945</v>
      </c>
      <c r="G133" s="33">
        <v>222457</v>
      </c>
      <c r="H133" s="134" t="s">
        <v>229</v>
      </c>
    </row>
    <row r="134" spans="2:8" ht="15" customHeight="1" x14ac:dyDescent="0.2">
      <c r="B134" s="69" t="s">
        <v>124</v>
      </c>
      <c r="C134" s="74"/>
      <c r="D134" s="33">
        <v>-290912</v>
      </c>
      <c r="E134" s="33">
        <v>135096</v>
      </c>
      <c r="F134" s="33">
        <v>-87448</v>
      </c>
      <c r="G134" s="33">
        <v>-123644</v>
      </c>
      <c r="H134" s="134" t="s">
        <v>229</v>
      </c>
    </row>
    <row r="135" spans="2:8" ht="15" customHeight="1" x14ac:dyDescent="0.2">
      <c r="B135" s="69" t="s">
        <v>116</v>
      </c>
      <c r="C135" s="74"/>
      <c r="D135" s="33">
        <v>-13872</v>
      </c>
      <c r="E135" s="33">
        <v>-13889</v>
      </c>
      <c r="F135" s="33">
        <v>-13893</v>
      </c>
      <c r="G135" s="33">
        <v>-13899</v>
      </c>
      <c r="H135" s="134" t="s">
        <v>229</v>
      </c>
    </row>
    <row r="136" spans="2:8" ht="15" customHeight="1" x14ac:dyDescent="0.2">
      <c r="B136" s="11"/>
      <c r="C136" s="77"/>
      <c r="D136" s="33"/>
      <c r="E136" s="33"/>
      <c r="F136" s="33"/>
      <c r="G136" s="33"/>
      <c r="H136" s="134"/>
    </row>
    <row r="137" spans="2:8" ht="15" customHeight="1" x14ac:dyDescent="0.2">
      <c r="B137" s="69" t="s">
        <v>181</v>
      </c>
      <c r="C137" s="74"/>
      <c r="D137" s="33">
        <v>6062</v>
      </c>
      <c r="E137" s="33">
        <v>6851</v>
      </c>
      <c r="F137" s="33">
        <v>10569</v>
      </c>
      <c r="G137" s="33">
        <v>11634</v>
      </c>
      <c r="H137" s="134" t="s">
        <v>229</v>
      </c>
    </row>
    <row r="138" spans="2:8" ht="15" customHeight="1" x14ac:dyDescent="0.2">
      <c r="B138" s="69" t="s">
        <v>125</v>
      </c>
      <c r="C138" s="74"/>
      <c r="D138" s="33">
        <v>-25</v>
      </c>
      <c r="E138" s="33">
        <v>-160</v>
      </c>
      <c r="F138" s="33">
        <v>780</v>
      </c>
      <c r="G138" s="33">
        <v>-843</v>
      </c>
      <c r="H138" s="134" t="s">
        <v>229</v>
      </c>
    </row>
    <row r="139" spans="2:8" ht="15" customHeight="1" x14ac:dyDescent="0.2">
      <c r="B139" s="69" t="s">
        <v>126</v>
      </c>
      <c r="C139" s="74"/>
      <c r="D139" s="33">
        <v>-61467</v>
      </c>
      <c r="E139" s="33">
        <v>-41206</v>
      </c>
      <c r="F139" s="33">
        <v>-18106</v>
      </c>
      <c r="G139" s="33">
        <v>-38456</v>
      </c>
      <c r="H139" s="134" t="s">
        <v>229</v>
      </c>
    </row>
    <row r="140" spans="2:8" ht="15" customHeight="1" x14ac:dyDescent="0.2">
      <c r="B140" s="69" t="s">
        <v>340</v>
      </c>
      <c r="C140" s="74"/>
      <c r="D140" s="33">
        <v>-3631</v>
      </c>
      <c r="E140" s="33" t="s">
        <v>43</v>
      </c>
      <c r="F140" s="33" t="s">
        <v>153</v>
      </c>
      <c r="G140" s="33" t="s">
        <v>174</v>
      </c>
      <c r="H140" s="134" t="s">
        <v>151</v>
      </c>
    </row>
    <row r="141" spans="2:8" ht="15" customHeight="1" x14ac:dyDescent="0.2">
      <c r="B141" s="69" t="s">
        <v>127</v>
      </c>
      <c r="C141" s="74"/>
      <c r="D141" s="33" t="s">
        <v>43</v>
      </c>
      <c r="E141" s="33">
        <v>-109367</v>
      </c>
      <c r="F141" s="33">
        <v>-79566</v>
      </c>
      <c r="G141" s="33">
        <v>-100799</v>
      </c>
      <c r="H141" s="134" t="s">
        <v>229</v>
      </c>
    </row>
    <row r="142" spans="2:8" ht="9" customHeight="1" x14ac:dyDescent="0.2">
      <c r="B142" s="11"/>
      <c r="C142" s="77"/>
      <c r="D142" s="33"/>
      <c r="E142" s="33"/>
      <c r="F142" s="33"/>
      <c r="G142" s="33"/>
      <c r="H142" s="134"/>
    </row>
    <row r="143" spans="2:8" ht="15" customHeight="1" x14ac:dyDescent="0.2">
      <c r="B143" s="69" t="s">
        <v>176</v>
      </c>
      <c r="C143" s="74"/>
      <c r="D143" s="33">
        <v>10166</v>
      </c>
      <c r="E143" s="33">
        <v>12013</v>
      </c>
      <c r="F143" s="33">
        <v>14349</v>
      </c>
      <c r="G143" s="33">
        <v>11839</v>
      </c>
      <c r="H143" s="134" t="s">
        <v>229</v>
      </c>
    </row>
    <row r="144" spans="2:8" ht="15" customHeight="1" x14ac:dyDescent="0.2">
      <c r="B144" s="23" t="s">
        <v>117</v>
      </c>
      <c r="C144" s="76"/>
      <c r="D144" s="34">
        <v>134837</v>
      </c>
      <c r="E144" s="34">
        <v>207173</v>
      </c>
      <c r="F144" s="34">
        <v>44515</v>
      </c>
      <c r="G144" s="36">
        <v>-31211</v>
      </c>
      <c r="H144" s="137" t="s">
        <v>229</v>
      </c>
    </row>
    <row r="145" spans="2:8" ht="15" customHeight="1" x14ac:dyDescent="0.2">
      <c r="B145" s="25"/>
      <c r="C145" s="13"/>
      <c r="D145" s="36">
        <v>2087763</v>
      </c>
      <c r="E145" s="36">
        <v>2181680</v>
      </c>
      <c r="F145" s="36">
        <v>1961909</v>
      </c>
      <c r="G145" s="36">
        <v>1570672</v>
      </c>
      <c r="H145" s="137" t="s">
        <v>229</v>
      </c>
    </row>
  </sheetData>
  <phoneticPr fontId="1"/>
  <pageMargins left="0.59055118110236227" right="0.59055118110236227" top="0.39370078740157483" bottom="0.39370078740157483" header="0.51181102362204722" footer="0.51181102362204722"/>
  <pageSetup paperSize="9" fitToHeight="2" orientation="landscape" horizontalDpi="300" verticalDpi="300" r:id="rId1"/>
  <headerFooter alignWithMargins="0"/>
  <rowBreaks count="3" manualBreakCount="3">
    <brk id="35" min="1" max="7" man="1"/>
    <brk id="74" min="1" max="8" man="1"/>
    <brk id="108" min="1"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75"/>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166" t="s">
        <v>328</v>
      </c>
    </row>
    <row r="2" spans="1:9" ht="12" customHeight="1" x14ac:dyDescent="0.2">
      <c r="F2" s="14"/>
      <c r="G2" s="14"/>
      <c r="H2" s="14" t="s">
        <v>69</v>
      </c>
    </row>
    <row r="3" spans="1:9" ht="12" customHeight="1" x14ac:dyDescent="0.2">
      <c r="A3" s="6"/>
      <c r="B3" s="7"/>
      <c r="C3" s="8"/>
      <c r="D3" s="18" t="s">
        <v>10</v>
      </c>
      <c r="E3" s="18" t="s">
        <v>11</v>
      </c>
      <c r="F3" s="18" t="s">
        <v>150</v>
      </c>
      <c r="G3" s="18" t="s">
        <v>156</v>
      </c>
      <c r="H3" s="138" t="s">
        <v>213</v>
      </c>
      <c r="I3" s="6"/>
    </row>
    <row r="4" spans="1:9" ht="12" customHeight="1" x14ac:dyDescent="0.2">
      <c r="A4" s="6"/>
      <c r="B4" s="20" t="s">
        <v>71</v>
      </c>
      <c r="C4" s="12"/>
      <c r="D4" s="37" t="s">
        <v>314</v>
      </c>
      <c r="E4" s="37" t="s">
        <v>43</v>
      </c>
      <c r="F4" s="37" t="s">
        <v>43</v>
      </c>
      <c r="G4" s="37">
        <v>2461589</v>
      </c>
      <c r="H4" s="139">
        <v>2050639</v>
      </c>
      <c r="I4" s="6"/>
    </row>
    <row r="5" spans="1:9" ht="12" customHeight="1" x14ac:dyDescent="0.2">
      <c r="A5" s="6"/>
      <c r="B5" s="20" t="s">
        <v>72</v>
      </c>
      <c r="C5" s="12"/>
      <c r="D5" s="33" t="s">
        <v>314</v>
      </c>
      <c r="E5" s="33" t="s">
        <v>43</v>
      </c>
      <c r="F5" s="33" t="s">
        <v>43</v>
      </c>
      <c r="G5" s="33">
        <v>2228277</v>
      </c>
      <c r="H5" s="134">
        <v>1666784</v>
      </c>
      <c r="I5" s="6"/>
    </row>
    <row r="6" spans="1:9" ht="12" customHeight="1" x14ac:dyDescent="0.2">
      <c r="A6" s="6"/>
      <c r="B6" s="21" t="s">
        <v>73</v>
      </c>
      <c r="C6" s="12"/>
      <c r="D6" s="34" t="s">
        <v>314</v>
      </c>
      <c r="E6" s="34" t="s">
        <v>43</v>
      </c>
      <c r="F6" s="34" t="s">
        <v>43</v>
      </c>
      <c r="G6" s="34">
        <v>233312</v>
      </c>
      <c r="H6" s="135">
        <v>383854</v>
      </c>
      <c r="I6" s="6"/>
    </row>
    <row r="7" spans="1:9" ht="12" customHeight="1" x14ac:dyDescent="0.2">
      <c r="A7" s="6"/>
      <c r="B7" s="20" t="s">
        <v>74</v>
      </c>
      <c r="C7" s="12"/>
      <c r="D7" s="33" t="s">
        <v>314</v>
      </c>
      <c r="E7" s="33" t="s">
        <v>43</v>
      </c>
      <c r="F7" s="33" t="s">
        <v>43</v>
      </c>
      <c r="G7" s="33">
        <v>395279</v>
      </c>
      <c r="H7" s="134">
        <v>321400</v>
      </c>
      <c r="I7" s="6"/>
    </row>
    <row r="8" spans="1:9" ht="12" customHeight="1" x14ac:dyDescent="0.2">
      <c r="B8" s="21" t="s">
        <v>325</v>
      </c>
      <c r="C8" s="6"/>
      <c r="D8" s="34" t="s">
        <v>314</v>
      </c>
      <c r="E8" s="34" t="s">
        <v>43</v>
      </c>
      <c r="F8" s="34" t="s">
        <v>43</v>
      </c>
      <c r="G8" s="34">
        <v>-161967</v>
      </c>
      <c r="H8" s="135">
        <v>62454</v>
      </c>
    </row>
    <row r="9" spans="1:9" ht="12" customHeight="1" x14ac:dyDescent="0.2">
      <c r="B9" s="20" t="s">
        <v>297</v>
      </c>
      <c r="C9" s="6"/>
      <c r="D9" s="33"/>
      <c r="E9" s="33"/>
      <c r="F9" s="33"/>
      <c r="G9" s="33"/>
      <c r="H9" s="134"/>
    </row>
    <row r="10" spans="1:9" ht="12" customHeight="1" x14ac:dyDescent="0.2">
      <c r="B10" s="21" t="s">
        <v>318</v>
      </c>
      <c r="C10" s="6"/>
      <c r="D10" s="33" t="s">
        <v>317</v>
      </c>
      <c r="E10" s="33" t="s">
        <v>43</v>
      </c>
      <c r="F10" s="33" t="s">
        <v>43</v>
      </c>
      <c r="G10" s="33">
        <v>912</v>
      </c>
      <c r="H10" s="134">
        <v>887</v>
      </c>
    </row>
    <row r="11" spans="1:9" ht="12" customHeight="1" x14ac:dyDescent="0.2">
      <c r="B11" s="21" t="s">
        <v>336</v>
      </c>
      <c r="C11" s="6"/>
      <c r="D11" s="33" t="s">
        <v>317</v>
      </c>
      <c r="E11" s="33" t="s">
        <v>43</v>
      </c>
      <c r="F11" s="33" t="s">
        <v>43</v>
      </c>
      <c r="G11" s="33">
        <v>965</v>
      </c>
      <c r="H11" s="134">
        <v>1358</v>
      </c>
    </row>
    <row r="12" spans="1:9" ht="12" customHeight="1" x14ac:dyDescent="0.2">
      <c r="B12" s="21" t="s">
        <v>319</v>
      </c>
      <c r="C12" s="12"/>
      <c r="D12" s="33" t="s">
        <v>314</v>
      </c>
      <c r="E12" s="33" t="s">
        <v>43</v>
      </c>
      <c r="F12" s="33" t="s">
        <v>43</v>
      </c>
      <c r="G12" s="33">
        <v>3808</v>
      </c>
      <c r="H12" s="134">
        <v>3791</v>
      </c>
    </row>
    <row r="13" spans="1:9" ht="12" customHeight="1" x14ac:dyDescent="0.2">
      <c r="B13" s="21" t="s">
        <v>298</v>
      </c>
      <c r="C13" s="12"/>
      <c r="D13" s="33" t="s">
        <v>314</v>
      </c>
      <c r="E13" s="33" t="s">
        <v>43</v>
      </c>
      <c r="F13" s="33" t="s">
        <v>43</v>
      </c>
      <c r="G13" s="33">
        <v>4981</v>
      </c>
      <c r="H13" s="134" t="s">
        <v>314</v>
      </c>
    </row>
    <row r="14" spans="1:9" ht="12" customHeight="1" x14ac:dyDescent="0.2">
      <c r="B14" s="21" t="s">
        <v>299</v>
      </c>
      <c r="C14" s="12"/>
      <c r="D14" s="33" t="s">
        <v>314</v>
      </c>
      <c r="E14" s="33" t="s">
        <v>43</v>
      </c>
      <c r="F14" s="33" t="s">
        <v>43</v>
      </c>
      <c r="G14" s="33">
        <v>1493</v>
      </c>
      <c r="H14" s="134" t="s">
        <v>314</v>
      </c>
    </row>
    <row r="15" spans="1:9" ht="12" customHeight="1" x14ac:dyDescent="0.2">
      <c r="B15" s="21" t="s">
        <v>300</v>
      </c>
      <c r="C15" s="12"/>
      <c r="D15" s="33" t="s">
        <v>314</v>
      </c>
      <c r="E15" s="33" t="s">
        <v>43</v>
      </c>
      <c r="F15" s="33" t="s">
        <v>43</v>
      </c>
      <c r="G15" s="33">
        <v>9027</v>
      </c>
      <c r="H15" s="134">
        <v>6750</v>
      </c>
    </row>
    <row r="16" spans="1:9" ht="12" customHeight="1" x14ac:dyDescent="0.2">
      <c r="B16" s="21" t="s">
        <v>343</v>
      </c>
      <c r="C16" s="12"/>
      <c r="D16" s="34" t="s">
        <v>314</v>
      </c>
      <c r="E16" s="34" t="s">
        <v>43</v>
      </c>
      <c r="F16" s="34" t="s">
        <v>43</v>
      </c>
      <c r="G16" s="34">
        <v>21186</v>
      </c>
      <c r="H16" s="135">
        <v>12787</v>
      </c>
    </row>
    <row r="17" spans="2:8" ht="12" customHeight="1" x14ac:dyDescent="0.2">
      <c r="B17" s="20" t="s">
        <v>341</v>
      </c>
      <c r="C17" s="6"/>
      <c r="D17" s="33"/>
      <c r="E17" s="33"/>
      <c r="F17" s="33"/>
      <c r="G17" s="33"/>
      <c r="H17" s="134"/>
    </row>
    <row r="18" spans="2:8" ht="12" customHeight="1" x14ac:dyDescent="0.2">
      <c r="B18" s="21" t="s">
        <v>78</v>
      </c>
      <c r="C18" s="6"/>
      <c r="D18" s="33" t="s">
        <v>314</v>
      </c>
      <c r="E18" s="33" t="s">
        <v>43</v>
      </c>
      <c r="F18" s="33" t="s">
        <v>43</v>
      </c>
      <c r="G18" s="33">
        <v>18721</v>
      </c>
      <c r="H18" s="134">
        <v>6394</v>
      </c>
    </row>
    <row r="19" spans="2:8" ht="12" customHeight="1" x14ac:dyDescent="0.2">
      <c r="B19" s="21" t="s">
        <v>301</v>
      </c>
      <c r="C19" s="12"/>
      <c r="D19" s="33" t="s">
        <v>314</v>
      </c>
      <c r="E19" s="33" t="s">
        <v>43</v>
      </c>
      <c r="F19" s="33" t="s">
        <v>43</v>
      </c>
      <c r="G19" s="33" t="s">
        <v>314</v>
      </c>
      <c r="H19" s="134">
        <v>3329</v>
      </c>
    </row>
    <row r="20" spans="2:8" ht="12" customHeight="1" x14ac:dyDescent="0.2">
      <c r="B20" s="21" t="s">
        <v>302</v>
      </c>
      <c r="C20" s="12"/>
      <c r="D20" s="33" t="s">
        <v>314</v>
      </c>
      <c r="E20" s="33" t="s">
        <v>43</v>
      </c>
      <c r="F20" s="33" t="s">
        <v>43</v>
      </c>
      <c r="G20" s="33" t="s">
        <v>314</v>
      </c>
      <c r="H20" s="134">
        <v>18667</v>
      </c>
    </row>
    <row r="21" spans="2:8" ht="12" customHeight="1" x14ac:dyDescent="0.2">
      <c r="B21" s="21" t="s">
        <v>300</v>
      </c>
      <c r="C21" s="12"/>
      <c r="D21" s="33" t="s">
        <v>314</v>
      </c>
      <c r="E21" s="33" t="s">
        <v>43</v>
      </c>
      <c r="F21" s="33" t="s">
        <v>43</v>
      </c>
      <c r="G21" s="33">
        <v>32958</v>
      </c>
      <c r="H21" s="134">
        <v>21780</v>
      </c>
    </row>
    <row r="22" spans="2:8" ht="12" customHeight="1" x14ac:dyDescent="0.2">
      <c r="B22" s="21" t="s">
        <v>342</v>
      </c>
      <c r="C22" s="12"/>
      <c r="D22" s="36" t="s">
        <v>314</v>
      </c>
      <c r="E22" s="36" t="s">
        <v>43</v>
      </c>
      <c r="F22" s="36" t="s">
        <v>43</v>
      </c>
      <c r="G22" s="36">
        <v>51679</v>
      </c>
      <c r="H22" s="137">
        <v>50171</v>
      </c>
    </row>
    <row r="23" spans="2:8" ht="12" customHeight="1" x14ac:dyDescent="0.2">
      <c r="B23" s="141" t="s">
        <v>303</v>
      </c>
      <c r="C23" s="12"/>
      <c r="D23" s="33" t="s">
        <v>314</v>
      </c>
      <c r="E23" s="33" t="s">
        <v>43</v>
      </c>
      <c r="F23" s="33" t="s">
        <v>43</v>
      </c>
      <c r="G23" s="33">
        <v>-192460</v>
      </c>
      <c r="H23" s="134">
        <v>25070</v>
      </c>
    </row>
    <row r="24" spans="2:8" ht="12" customHeight="1" x14ac:dyDescent="0.2">
      <c r="B24" s="20" t="s">
        <v>304</v>
      </c>
      <c r="C24" s="6"/>
      <c r="D24" s="33"/>
      <c r="E24" s="33"/>
      <c r="F24" s="33"/>
      <c r="G24" s="33"/>
      <c r="H24" s="134"/>
    </row>
    <row r="25" spans="2:8" ht="12" customHeight="1" x14ac:dyDescent="0.2">
      <c r="B25" s="21" t="s">
        <v>305</v>
      </c>
      <c r="C25" s="6"/>
      <c r="D25" s="33" t="s">
        <v>314</v>
      </c>
      <c r="E25" s="33" t="s">
        <v>43</v>
      </c>
      <c r="F25" s="33" t="s">
        <v>43</v>
      </c>
      <c r="G25" s="33">
        <v>15954</v>
      </c>
      <c r="H25" s="134">
        <v>3295</v>
      </c>
    </row>
    <row r="26" spans="2:8" ht="12" customHeight="1" x14ac:dyDescent="0.2">
      <c r="B26" s="21" t="s">
        <v>306</v>
      </c>
      <c r="C26" s="12"/>
      <c r="D26" s="33" t="s">
        <v>314</v>
      </c>
      <c r="E26" s="33" t="s">
        <v>43</v>
      </c>
      <c r="F26" s="33" t="s">
        <v>43</v>
      </c>
      <c r="G26" s="33">
        <v>1939</v>
      </c>
      <c r="H26" s="134">
        <v>3215</v>
      </c>
    </row>
    <row r="27" spans="2:8" ht="12" customHeight="1" x14ac:dyDescent="0.2">
      <c r="B27" s="21" t="s">
        <v>320</v>
      </c>
      <c r="C27" s="12"/>
      <c r="D27" s="33" t="s">
        <v>314</v>
      </c>
      <c r="E27" s="33" t="s">
        <v>43</v>
      </c>
      <c r="F27" s="33" t="s">
        <v>43</v>
      </c>
      <c r="G27" s="33">
        <v>2046</v>
      </c>
      <c r="H27" s="134" t="s">
        <v>314</v>
      </c>
    </row>
    <row r="28" spans="2:8" ht="12" customHeight="1" x14ac:dyDescent="0.2">
      <c r="B28" s="21" t="s">
        <v>337</v>
      </c>
      <c r="C28" s="12"/>
      <c r="D28" s="33" t="s">
        <v>314</v>
      </c>
      <c r="E28" s="33" t="s">
        <v>43</v>
      </c>
      <c r="F28" s="33" t="s">
        <v>43</v>
      </c>
      <c r="G28" s="33" t="s">
        <v>314</v>
      </c>
      <c r="H28" s="134">
        <v>1112</v>
      </c>
    </row>
    <row r="29" spans="2:8" ht="12" customHeight="1" x14ac:dyDescent="0.2">
      <c r="B29" s="21" t="s">
        <v>307</v>
      </c>
      <c r="C29" s="12"/>
      <c r="D29" s="33" t="s">
        <v>314</v>
      </c>
      <c r="E29" s="33" t="s">
        <v>43</v>
      </c>
      <c r="F29" s="33" t="s">
        <v>43</v>
      </c>
      <c r="G29" s="33">
        <v>8490</v>
      </c>
      <c r="H29" s="134">
        <v>6278</v>
      </c>
    </row>
    <row r="30" spans="2:8" ht="12" customHeight="1" x14ac:dyDescent="0.2">
      <c r="B30" s="21" t="s">
        <v>350</v>
      </c>
      <c r="C30" s="12"/>
      <c r="D30" s="34" t="s">
        <v>314</v>
      </c>
      <c r="E30" s="34" t="s">
        <v>43</v>
      </c>
      <c r="F30" s="34" t="s">
        <v>43</v>
      </c>
      <c r="G30" s="34">
        <v>28429</v>
      </c>
      <c r="H30" s="135">
        <v>13901</v>
      </c>
    </row>
    <row r="31" spans="2:8" ht="12" customHeight="1" x14ac:dyDescent="0.2">
      <c r="B31" s="20" t="s">
        <v>308</v>
      </c>
      <c r="C31" s="6"/>
      <c r="D31" s="33"/>
      <c r="E31" s="33"/>
      <c r="F31" s="33"/>
      <c r="G31" s="33"/>
      <c r="H31" s="134"/>
    </row>
    <row r="32" spans="2:8" ht="12" customHeight="1" x14ac:dyDescent="0.2">
      <c r="B32" s="21" t="s">
        <v>309</v>
      </c>
      <c r="C32" s="6"/>
      <c r="D32" s="33" t="s">
        <v>314</v>
      </c>
      <c r="E32" s="33" t="s">
        <v>43</v>
      </c>
      <c r="F32" s="33" t="s">
        <v>43</v>
      </c>
      <c r="G32" s="33">
        <v>1990</v>
      </c>
      <c r="H32" s="134">
        <v>4390</v>
      </c>
    </row>
    <row r="33" spans="1:9" ht="12" customHeight="1" x14ac:dyDescent="0.2">
      <c r="B33" s="21" t="s">
        <v>310</v>
      </c>
      <c r="C33" s="12"/>
      <c r="D33" s="33" t="s">
        <v>314</v>
      </c>
      <c r="E33" s="33" t="s">
        <v>43</v>
      </c>
      <c r="F33" s="33" t="s">
        <v>43</v>
      </c>
      <c r="G33" s="33">
        <v>24748</v>
      </c>
      <c r="H33" s="134">
        <v>34668</v>
      </c>
    </row>
    <row r="34" spans="1:9" ht="12" customHeight="1" x14ac:dyDescent="0.2">
      <c r="B34" s="21" t="s">
        <v>321</v>
      </c>
      <c r="C34" s="12"/>
      <c r="D34" s="33" t="s">
        <v>314</v>
      </c>
      <c r="E34" s="33" t="s">
        <v>43</v>
      </c>
      <c r="F34" s="33" t="s">
        <v>43</v>
      </c>
      <c r="G34" s="33">
        <v>125</v>
      </c>
      <c r="H34" s="134">
        <v>500</v>
      </c>
    </row>
    <row r="35" spans="1:9" ht="12" customHeight="1" x14ac:dyDescent="0.2">
      <c r="B35" s="21" t="s">
        <v>311</v>
      </c>
      <c r="C35" s="12"/>
      <c r="D35" s="33" t="s">
        <v>314</v>
      </c>
      <c r="E35" s="33" t="s">
        <v>43</v>
      </c>
      <c r="F35" s="33" t="s">
        <v>43</v>
      </c>
      <c r="G35" s="33">
        <v>38165</v>
      </c>
      <c r="H35" s="134" t="s">
        <v>324</v>
      </c>
    </row>
    <row r="36" spans="1:9" ht="12" customHeight="1" x14ac:dyDescent="0.2">
      <c r="B36" s="21" t="s">
        <v>322</v>
      </c>
      <c r="C36" s="12"/>
      <c r="D36" s="33" t="s">
        <v>314</v>
      </c>
      <c r="E36" s="33" t="s">
        <v>43</v>
      </c>
      <c r="F36" s="33" t="s">
        <v>43</v>
      </c>
      <c r="G36" s="33">
        <v>2038</v>
      </c>
      <c r="H36" s="134" t="s">
        <v>314</v>
      </c>
    </row>
    <row r="37" spans="1:9" ht="12" customHeight="1" x14ac:dyDescent="0.2">
      <c r="B37" s="21" t="s">
        <v>323</v>
      </c>
      <c r="C37" s="12"/>
      <c r="D37" s="33" t="s">
        <v>314</v>
      </c>
      <c r="E37" s="33" t="s">
        <v>43</v>
      </c>
      <c r="F37" s="33" t="s">
        <v>43</v>
      </c>
      <c r="G37" s="33">
        <v>25</v>
      </c>
      <c r="H37" s="134" t="s">
        <v>314</v>
      </c>
    </row>
    <row r="38" spans="1:9" ht="12" customHeight="1" x14ac:dyDescent="0.2">
      <c r="B38" s="21" t="s">
        <v>312</v>
      </c>
      <c r="C38" s="12"/>
      <c r="D38" s="36" t="s">
        <v>314</v>
      </c>
      <c r="E38" s="36" t="s">
        <v>43</v>
      </c>
      <c r="F38" s="36" t="s">
        <v>43</v>
      </c>
      <c r="G38" s="36">
        <v>67091</v>
      </c>
      <c r="H38" s="137">
        <v>39559</v>
      </c>
    </row>
    <row r="39" spans="1:9" ht="12" customHeight="1" x14ac:dyDescent="0.2">
      <c r="B39" s="141" t="s">
        <v>313</v>
      </c>
      <c r="C39" s="12"/>
      <c r="D39" s="33" t="s">
        <v>314</v>
      </c>
      <c r="E39" s="33" t="s">
        <v>43</v>
      </c>
      <c r="F39" s="33" t="s">
        <v>43</v>
      </c>
      <c r="G39" s="33">
        <v>-231122</v>
      </c>
      <c r="H39" s="134">
        <v>-587</v>
      </c>
    </row>
    <row r="40" spans="1:9" ht="12" customHeight="1" x14ac:dyDescent="0.2">
      <c r="B40" s="20" t="s">
        <v>84</v>
      </c>
      <c r="C40" s="12"/>
      <c r="D40" s="33"/>
      <c r="E40" s="33"/>
      <c r="F40" s="33"/>
      <c r="G40" s="33"/>
      <c r="H40" s="134"/>
    </row>
    <row r="41" spans="1:9" ht="12" customHeight="1" x14ac:dyDescent="0.2">
      <c r="B41" s="21" t="s">
        <v>85</v>
      </c>
      <c r="C41" s="12"/>
      <c r="D41" s="33" t="s">
        <v>314</v>
      </c>
      <c r="E41" s="33" t="s">
        <v>43</v>
      </c>
      <c r="F41" s="33" t="s">
        <v>43</v>
      </c>
      <c r="G41" s="33">
        <v>18401</v>
      </c>
      <c r="H41" s="134">
        <v>20137</v>
      </c>
    </row>
    <row r="42" spans="1:9" ht="12" customHeight="1" x14ac:dyDescent="0.2">
      <c r="B42" s="21" t="s">
        <v>86</v>
      </c>
      <c r="C42" s="12"/>
      <c r="D42" s="33" t="s">
        <v>314</v>
      </c>
      <c r="E42" s="33" t="s">
        <v>43</v>
      </c>
      <c r="F42" s="33" t="s">
        <v>43</v>
      </c>
      <c r="G42" s="33">
        <v>3663</v>
      </c>
      <c r="H42" s="134">
        <v>3600</v>
      </c>
    </row>
    <row r="43" spans="1:9" ht="12" customHeight="1" x14ac:dyDescent="0.2">
      <c r="B43" s="15"/>
      <c r="C43" s="12"/>
      <c r="D43" s="34" t="s">
        <v>314</v>
      </c>
      <c r="E43" s="34" t="s">
        <v>43</v>
      </c>
      <c r="F43" s="34" t="s">
        <v>43</v>
      </c>
      <c r="G43" s="34">
        <v>22064</v>
      </c>
      <c r="H43" s="135">
        <v>23738</v>
      </c>
    </row>
    <row r="44" spans="1:9" ht="12" customHeight="1" x14ac:dyDescent="0.2">
      <c r="B44" s="20" t="s">
        <v>327</v>
      </c>
      <c r="C44" s="12"/>
      <c r="D44" s="34" t="s">
        <v>314</v>
      </c>
      <c r="E44" s="34" t="s">
        <v>43</v>
      </c>
      <c r="F44" s="34" t="s">
        <v>43</v>
      </c>
      <c r="G44" s="34">
        <v>-253186</v>
      </c>
      <c r="H44" s="135">
        <v>-24325</v>
      </c>
    </row>
    <row r="45" spans="1:9" ht="12" customHeight="1" x14ac:dyDescent="0.2">
      <c r="B45" s="21" t="s">
        <v>178</v>
      </c>
      <c r="C45" s="12"/>
      <c r="D45" s="33" t="s">
        <v>314</v>
      </c>
      <c r="E45" s="33" t="s">
        <v>43</v>
      </c>
      <c r="F45" s="33" t="s">
        <v>43</v>
      </c>
      <c r="G45" s="33">
        <v>2786</v>
      </c>
      <c r="H45" s="134">
        <v>551</v>
      </c>
    </row>
    <row r="46" spans="1:9" ht="12" customHeight="1" x14ac:dyDescent="0.2">
      <c r="B46" s="156" t="s">
        <v>326</v>
      </c>
      <c r="C46" s="19"/>
      <c r="D46" s="38" t="s">
        <v>314</v>
      </c>
      <c r="E46" s="38" t="s">
        <v>43</v>
      </c>
      <c r="F46" s="38" t="s">
        <v>43</v>
      </c>
      <c r="G46" s="38">
        <v>-255972</v>
      </c>
      <c r="H46" s="140">
        <v>-24877</v>
      </c>
    </row>
    <row r="47" spans="1:9" ht="15.75" customHeight="1" x14ac:dyDescent="0.2">
      <c r="F47" s="14"/>
      <c r="G47" s="14"/>
      <c r="H47" s="14" t="s">
        <v>69</v>
      </c>
    </row>
    <row r="48" spans="1:9" ht="17.25" customHeight="1" x14ac:dyDescent="0.2">
      <c r="A48" s="6"/>
      <c r="B48" s="7"/>
      <c r="C48" s="8"/>
      <c r="D48" s="18" t="s">
        <v>10</v>
      </c>
      <c r="E48" s="18" t="s">
        <v>11</v>
      </c>
      <c r="F48" s="18" t="s">
        <v>150</v>
      </c>
      <c r="G48" s="18" t="s">
        <v>156</v>
      </c>
      <c r="H48" s="138" t="s">
        <v>213</v>
      </c>
      <c r="I48" s="6"/>
    </row>
    <row r="49" spans="1:9" ht="17.25" customHeight="1" x14ac:dyDescent="0.2">
      <c r="A49" s="6"/>
      <c r="B49" s="20" t="s">
        <v>71</v>
      </c>
      <c r="C49" s="12"/>
      <c r="D49" s="37">
        <v>2478586</v>
      </c>
      <c r="E49" s="37">
        <v>2927186</v>
      </c>
      <c r="F49" s="37">
        <v>2786256</v>
      </c>
      <c r="G49" s="37">
        <v>2461589</v>
      </c>
      <c r="H49" s="139" t="s">
        <v>314</v>
      </c>
      <c r="I49" s="6"/>
    </row>
    <row r="50" spans="1:9" ht="17.25" customHeight="1" x14ac:dyDescent="0.2">
      <c r="A50" s="6"/>
      <c r="B50" s="15"/>
      <c r="C50" s="12"/>
      <c r="D50" s="33"/>
      <c r="E50" s="33"/>
      <c r="F50" s="33"/>
      <c r="G50" s="33"/>
      <c r="H50" s="134"/>
      <c r="I50" s="6"/>
    </row>
    <row r="51" spans="1:9" ht="17.25" customHeight="1" x14ac:dyDescent="0.2">
      <c r="A51" s="6"/>
      <c r="B51" s="20" t="s">
        <v>72</v>
      </c>
      <c r="C51" s="12"/>
      <c r="D51" s="33">
        <v>2218003</v>
      </c>
      <c r="E51" s="33">
        <v>2396344</v>
      </c>
      <c r="F51" s="33">
        <v>2397749</v>
      </c>
      <c r="G51" s="33">
        <v>2228277</v>
      </c>
      <c r="H51" s="134" t="s">
        <v>314</v>
      </c>
      <c r="I51" s="6"/>
    </row>
    <row r="52" spans="1:9" ht="17.25" customHeight="1" x14ac:dyDescent="0.2">
      <c r="A52" s="6"/>
      <c r="B52" s="21" t="s">
        <v>73</v>
      </c>
      <c r="C52" s="12"/>
      <c r="D52" s="34">
        <v>260583</v>
      </c>
      <c r="E52" s="34">
        <v>530842</v>
      </c>
      <c r="F52" s="34">
        <v>388507</v>
      </c>
      <c r="G52" s="34">
        <v>233312</v>
      </c>
      <c r="H52" s="135" t="s">
        <v>314</v>
      </c>
      <c r="I52" s="6"/>
    </row>
    <row r="53" spans="1:9" ht="17.25" customHeight="1" x14ac:dyDescent="0.2">
      <c r="A53" s="6"/>
      <c r="B53" s="15"/>
      <c r="C53" s="12"/>
      <c r="D53" s="33"/>
      <c r="E53" s="33"/>
      <c r="F53" s="33"/>
      <c r="G53" s="33"/>
      <c r="H53" s="134"/>
      <c r="I53" s="6"/>
    </row>
    <row r="54" spans="1:9" ht="17.25" customHeight="1" x14ac:dyDescent="0.2">
      <c r="A54" s="6"/>
      <c r="B54" s="20" t="s">
        <v>74</v>
      </c>
      <c r="C54" s="12"/>
      <c r="D54" s="33">
        <v>406849</v>
      </c>
      <c r="E54" s="33">
        <v>422282</v>
      </c>
      <c r="F54" s="33">
        <v>436572</v>
      </c>
      <c r="G54" s="33">
        <v>395279</v>
      </c>
      <c r="H54" s="134" t="s">
        <v>314</v>
      </c>
      <c r="I54" s="6"/>
    </row>
    <row r="55" spans="1:9" ht="17.25" customHeight="1" x14ac:dyDescent="0.2">
      <c r="B55" s="21" t="s">
        <v>75</v>
      </c>
      <c r="C55" s="6"/>
      <c r="D55" s="34">
        <v>-146266</v>
      </c>
      <c r="E55" s="34">
        <v>108560</v>
      </c>
      <c r="F55" s="34">
        <v>-48065</v>
      </c>
      <c r="G55" s="34">
        <v>-161967</v>
      </c>
      <c r="H55" s="135" t="s">
        <v>314</v>
      </c>
    </row>
    <row r="56" spans="1:9" ht="17.25" customHeight="1" x14ac:dyDescent="0.2">
      <c r="B56" s="15"/>
      <c r="C56" s="6"/>
      <c r="D56" s="33"/>
      <c r="E56" s="33"/>
      <c r="F56" s="33"/>
      <c r="G56" s="33"/>
      <c r="H56" s="134"/>
    </row>
    <row r="57" spans="1:9" ht="17.25" customHeight="1" x14ac:dyDescent="0.2">
      <c r="B57" s="20" t="s">
        <v>76</v>
      </c>
      <c r="C57" s="6"/>
      <c r="D57" s="33"/>
      <c r="E57" s="33"/>
      <c r="F57" s="33"/>
      <c r="G57" s="33"/>
      <c r="H57" s="134"/>
    </row>
    <row r="58" spans="1:9" ht="17.25" customHeight="1" x14ac:dyDescent="0.2">
      <c r="B58" s="21" t="s">
        <v>77</v>
      </c>
      <c r="C58" s="6"/>
      <c r="D58" s="33">
        <v>2278</v>
      </c>
      <c r="E58" s="33">
        <v>2388</v>
      </c>
      <c r="F58" s="33">
        <v>2870</v>
      </c>
      <c r="G58" s="33">
        <v>1877</v>
      </c>
      <c r="H58" s="134" t="s">
        <v>314</v>
      </c>
    </row>
    <row r="59" spans="1:9" ht="17.25" customHeight="1" x14ac:dyDescent="0.2">
      <c r="B59" s="21" t="s">
        <v>78</v>
      </c>
      <c r="C59" s="12"/>
      <c r="D59" s="33">
        <v>-13170</v>
      </c>
      <c r="E59" s="33">
        <v>-20726</v>
      </c>
      <c r="F59" s="33">
        <v>-23182</v>
      </c>
      <c r="G59" s="33">
        <v>-18721</v>
      </c>
      <c r="H59" s="134" t="s">
        <v>314</v>
      </c>
    </row>
    <row r="60" spans="1:9" ht="17.25" customHeight="1" x14ac:dyDescent="0.2">
      <c r="B60" s="21" t="s">
        <v>79</v>
      </c>
      <c r="C60" s="12"/>
      <c r="D60" s="33">
        <v>-47396</v>
      </c>
      <c r="E60" s="33">
        <v>-11770</v>
      </c>
      <c r="F60" s="33">
        <v>-104015</v>
      </c>
      <c r="G60" s="33">
        <v>-24748</v>
      </c>
      <c r="H60" s="134" t="s">
        <v>314</v>
      </c>
    </row>
    <row r="61" spans="1:9" ht="17.25" customHeight="1" x14ac:dyDescent="0.2">
      <c r="B61" s="21" t="s">
        <v>80</v>
      </c>
      <c r="C61" s="12"/>
      <c r="D61" s="33">
        <v>-143397</v>
      </c>
      <c r="E61" s="33" t="s">
        <v>70</v>
      </c>
      <c r="F61" s="33">
        <v>-21239</v>
      </c>
      <c r="G61" s="33">
        <v>-38165</v>
      </c>
      <c r="H61" s="134" t="s">
        <v>314</v>
      </c>
    </row>
    <row r="62" spans="1:9" ht="17.25" customHeight="1" x14ac:dyDescent="0.2">
      <c r="B62" s="21" t="s">
        <v>81</v>
      </c>
      <c r="C62" s="12"/>
      <c r="D62" s="33">
        <v>-17899</v>
      </c>
      <c r="E62" s="33">
        <v>-67</v>
      </c>
      <c r="F62" s="33" t="s">
        <v>151</v>
      </c>
      <c r="G62" s="33" t="s">
        <v>174</v>
      </c>
      <c r="H62" s="134" t="s">
        <v>315</v>
      </c>
    </row>
    <row r="63" spans="1:9" ht="17.25" customHeight="1" x14ac:dyDescent="0.2">
      <c r="B63" s="21" t="s">
        <v>82</v>
      </c>
      <c r="C63" s="12"/>
      <c r="D63" s="33">
        <v>-32321</v>
      </c>
      <c r="E63" s="33">
        <v>-1135</v>
      </c>
      <c r="F63" s="33">
        <v>-2140</v>
      </c>
      <c r="G63" s="33">
        <v>-2038</v>
      </c>
      <c r="H63" s="134" t="s">
        <v>314</v>
      </c>
    </row>
    <row r="64" spans="1:9" ht="17.25" customHeight="1" x14ac:dyDescent="0.2">
      <c r="B64" s="21" t="s">
        <v>83</v>
      </c>
      <c r="C64" s="12"/>
      <c r="D64" s="33">
        <v>-68016</v>
      </c>
      <c r="E64" s="33">
        <v>-31280</v>
      </c>
      <c r="F64" s="33">
        <v>6937</v>
      </c>
      <c r="G64" s="33">
        <v>12640</v>
      </c>
      <c r="H64" s="134" t="s">
        <v>314</v>
      </c>
    </row>
    <row r="65" spans="2:8" ht="17.25" customHeight="1" x14ac:dyDescent="0.2">
      <c r="B65" s="15"/>
      <c r="C65" s="12"/>
      <c r="D65" s="34">
        <v>-319921</v>
      </c>
      <c r="E65" s="34">
        <v>-62590</v>
      </c>
      <c r="F65" s="34">
        <v>-140769</v>
      </c>
      <c r="G65" s="34">
        <v>-69155</v>
      </c>
      <c r="H65" s="135" t="s">
        <v>314</v>
      </c>
    </row>
    <row r="66" spans="2:8" ht="18" customHeight="1" x14ac:dyDescent="0.2">
      <c r="B66" s="141" t="s">
        <v>177</v>
      </c>
      <c r="C66" s="12"/>
      <c r="D66" s="34">
        <v>-466187</v>
      </c>
      <c r="E66" s="34">
        <v>45970</v>
      </c>
      <c r="F66" s="34">
        <v>-188834</v>
      </c>
      <c r="G66" s="34">
        <v>-231122</v>
      </c>
      <c r="H66" s="135" t="s">
        <v>314</v>
      </c>
    </row>
    <row r="67" spans="2:8" ht="17.25" customHeight="1" x14ac:dyDescent="0.2">
      <c r="B67" s="15"/>
      <c r="C67" s="12"/>
      <c r="D67" s="33"/>
      <c r="E67" s="33"/>
      <c r="F67" s="33"/>
      <c r="G67" s="33"/>
      <c r="H67" s="134"/>
    </row>
    <row r="68" spans="2:8" ht="17.25" customHeight="1" x14ac:dyDescent="0.2">
      <c r="B68" s="20" t="s">
        <v>84</v>
      </c>
      <c r="C68" s="12"/>
      <c r="D68" s="33"/>
      <c r="E68" s="33"/>
      <c r="F68" s="33"/>
      <c r="G68" s="33"/>
      <c r="H68" s="134"/>
    </row>
    <row r="69" spans="2:8" ht="17.25" customHeight="1" x14ac:dyDescent="0.2">
      <c r="B69" s="21" t="s">
        <v>85</v>
      </c>
      <c r="C69" s="12"/>
      <c r="D69" s="33">
        <v>17607</v>
      </c>
      <c r="E69" s="33">
        <v>38962</v>
      </c>
      <c r="F69" s="33">
        <v>27179</v>
      </c>
      <c r="G69" s="33">
        <v>18401</v>
      </c>
      <c r="H69" s="134" t="s">
        <v>314</v>
      </c>
    </row>
    <row r="70" spans="2:8" ht="17.25" customHeight="1" x14ac:dyDescent="0.2">
      <c r="B70" s="21" t="s">
        <v>86</v>
      </c>
      <c r="C70" s="12"/>
      <c r="D70" s="33">
        <v>59972</v>
      </c>
      <c r="E70" s="33">
        <v>-5980</v>
      </c>
      <c r="F70" s="33">
        <v>4234</v>
      </c>
      <c r="G70" s="33">
        <v>3663</v>
      </c>
      <c r="H70" s="134" t="s">
        <v>314</v>
      </c>
    </row>
    <row r="71" spans="2:8" ht="17.25" customHeight="1" x14ac:dyDescent="0.2">
      <c r="B71" s="15"/>
      <c r="C71" s="12"/>
      <c r="D71" s="34">
        <v>77579</v>
      </c>
      <c r="E71" s="34">
        <v>32982</v>
      </c>
      <c r="F71" s="34">
        <v>31413</v>
      </c>
      <c r="G71" s="34">
        <v>22064</v>
      </c>
      <c r="H71" s="135" t="s">
        <v>314</v>
      </c>
    </row>
    <row r="72" spans="2:8" ht="17.25" customHeight="1" x14ac:dyDescent="0.2">
      <c r="B72" s="20" t="s">
        <v>206</v>
      </c>
      <c r="C72" s="12"/>
      <c r="D72" s="34">
        <v>-543766</v>
      </c>
      <c r="E72" s="34">
        <v>12988</v>
      </c>
      <c r="F72" s="34">
        <v>-220247</v>
      </c>
      <c r="G72" s="34">
        <v>-253186</v>
      </c>
      <c r="H72" s="135" t="s">
        <v>314</v>
      </c>
    </row>
    <row r="73" spans="2:8" ht="17.25" customHeight="1" x14ac:dyDescent="0.2">
      <c r="B73" s="15"/>
      <c r="C73" s="12"/>
      <c r="D73" s="33"/>
      <c r="E73" s="33"/>
      <c r="F73" s="33"/>
      <c r="G73" s="33"/>
      <c r="H73" s="134"/>
    </row>
    <row r="74" spans="2:8" ht="17.25" customHeight="1" x14ac:dyDescent="0.2">
      <c r="B74" s="21" t="s">
        <v>178</v>
      </c>
      <c r="C74" s="12"/>
      <c r="D74" s="33">
        <v>1581</v>
      </c>
      <c r="E74" s="33">
        <v>1429</v>
      </c>
      <c r="F74" s="33">
        <v>2100</v>
      </c>
      <c r="G74" s="33">
        <v>2786</v>
      </c>
      <c r="H74" s="134" t="s">
        <v>316</v>
      </c>
    </row>
    <row r="75" spans="2:8" ht="17.25" customHeight="1" x14ac:dyDescent="0.2">
      <c r="B75" s="156" t="s">
        <v>183</v>
      </c>
      <c r="C75" s="19"/>
      <c r="D75" s="38">
        <v>-545347</v>
      </c>
      <c r="E75" s="38">
        <v>11559</v>
      </c>
      <c r="F75" s="38">
        <v>-222347</v>
      </c>
      <c r="G75" s="38">
        <v>-255972</v>
      </c>
      <c r="H75" s="140" t="s">
        <v>314</v>
      </c>
    </row>
  </sheetData>
  <phoneticPr fontId="1"/>
  <pageMargins left="0.59055118110236227" right="0.59055118110236227" top="0.35433070866141736" bottom="0.35433070866141736" header="0.51181102362204722" footer="0.51181102362204722"/>
  <pageSetup paperSize="9" orientation="landscape" horizontalDpi="300" verticalDpi="300" r:id="rId1"/>
  <headerFooter alignWithMargins="0"/>
  <rowBreaks count="1" manualBreakCount="1">
    <brk id="46" min="1"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1"/>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5" t="s">
        <v>1</v>
      </c>
    </row>
    <row r="2" spans="1:9" ht="15.75" customHeight="1" x14ac:dyDescent="0.2">
      <c r="F2" s="14"/>
      <c r="G2" s="14"/>
      <c r="H2" s="14" t="s">
        <v>69</v>
      </c>
    </row>
    <row r="3" spans="1:9" ht="30" customHeight="1" x14ac:dyDescent="0.2">
      <c r="A3" s="6"/>
      <c r="B3" s="7"/>
      <c r="C3" s="8"/>
      <c r="D3" s="18" t="s">
        <v>10</v>
      </c>
      <c r="E3" s="18" t="s">
        <v>11</v>
      </c>
      <c r="F3" s="18" t="s">
        <v>148</v>
      </c>
      <c r="G3" s="18" t="s">
        <v>172</v>
      </c>
      <c r="H3" s="138" t="s">
        <v>213</v>
      </c>
      <c r="I3" s="6"/>
    </row>
    <row r="4" spans="1:9" ht="30" customHeight="1" x14ac:dyDescent="0.2">
      <c r="A4" s="6"/>
      <c r="B4" s="20" t="s">
        <v>284</v>
      </c>
      <c r="C4" s="12"/>
      <c r="D4" s="39">
        <v>-81075</v>
      </c>
      <c r="E4" s="39">
        <v>198984</v>
      </c>
      <c r="F4" s="39">
        <v>17339</v>
      </c>
      <c r="G4" s="39">
        <v>-18866</v>
      </c>
      <c r="H4" s="144">
        <v>127231</v>
      </c>
      <c r="I4" s="6"/>
    </row>
    <row r="5" spans="1:9" ht="30" customHeight="1" x14ac:dyDescent="0.2">
      <c r="A5" s="6"/>
      <c r="B5" s="20" t="s">
        <v>285</v>
      </c>
      <c r="C5" s="12"/>
      <c r="D5" s="39">
        <v>7110</v>
      </c>
      <c r="E5" s="39">
        <v>-84940</v>
      </c>
      <c r="F5" s="39">
        <v>-16043</v>
      </c>
      <c r="G5" s="39">
        <v>-40513</v>
      </c>
      <c r="H5" s="144">
        <v>-90677</v>
      </c>
      <c r="I5" s="6"/>
    </row>
    <row r="6" spans="1:9" ht="30" customHeight="1" x14ac:dyDescent="0.2">
      <c r="A6" s="6"/>
      <c r="B6" s="20" t="s">
        <v>286</v>
      </c>
      <c r="C6" s="12"/>
      <c r="D6" s="39">
        <v>51637</v>
      </c>
      <c r="E6" s="39">
        <v>32753</v>
      </c>
      <c r="F6" s="39">
        <v>-136090</v>
      </c>
      <c r="G6" s="39">
        <v>-15360</v>
      </c>
      <c r="H6" s="144">
        <v>272199</v>
      </c>
      <c r="I6" s="6"/>
    </row>
    <row r="7" spans="1:9" ht="30" customHeight="1" x14ac:dyDescent="0.2">
      <c r="A7" s="6"/>
      <c r="B7" s="20" t="s">
        <v>68</v>
      </c>
      <c r="C7" s="12"/>
      <c r="D7" s="39">
        <v>16418</v>
      </c>
      <c r="E7" s="39">
        <v>15971</v>
      </c>
      <c r="F7" s="39">
        <v>16371</v>
      </c>
      <c r="G7" s="39">
        <v>-7939</v>
      </c>
      <c r="H7" s="144">
        <v>-4443</v>
      </c>
      <c r="I7" s="6"/>
    </row>
    <row r="8" spans="1:9" ht="30" customHeight="1" x14ac:dyDescent="0.2">
      <c r="A8" s="6"/>
      <c r="B8" s="20" t="s">
        <v>287</v>
      </c>
      <c r="C8" s="12"/>
      <c r="D8" s="33">
        <v>-5910</v>
      </c>
      <c r="E8" s="33">
        <v>162768</v>
      </c>
      <c r="F8" s="33">
        <v>-118423</v>
      </c>
      <c r="G8" s="33">
        <v>-82678</v>
      </c>
      <c r="H8" s="134">
        <v>304310</v>
      </c>
      <c r="I8" s="6"/>
    </row>
    <row r="9" spans="1:9" ht="30" customHeight="1" x14ac:dyDescent="0.2">
      <c r="A9" s="6"/>
      <c r="B9" s="20" t="s">
        <v>66</v>
      </c>
      <c r="C9" s="12"/>
      <c r="D9" s="33">
        <v>193772</v>
      </c>
      <c r="E9" s="33">
        <v>187866</v>
      </c>
      <c r="F9" s="33">
        <v>350634</v>
      </c>
      <c r="G9" s="33">
        <v>232211</v>
      </c>
      <c r="H9" s="134">
        <v>149533</v>
      </c>
      <c r="I9" s="6"/>
    </row>
    <row r="10" spans="1:9" ht="30" customHeight="1" x14ac:dyDescent="0.2">
      <c r="B10" s="20" t="s">
        <v>288</v>
      </c>
      <c r="C10" s="6"/>
      <c r="D10" s="33">
        <v>4</v>
      </c>
      <c r="E10" s="33" t="s">
        <v>70</v>
      </c>
      <c r="F10" s="33" t="s">
        <v>43</v>
      </c>
      <c r="G10" s="33" t="s">
        <v>43</v>
      </c>
      <c r="H10" s="134">
        <v>-365</v>
      </c>
    </row>
    <row r="11" spans="1:9" ht="30" customHeight="1" x14ac:dyDescent="0.2">
      <c r="B11" s="32" t="s">
        <v>67</v>
      </c>
      <c r="C11" s="13"/>
      <c r="D11" s="36">
        <v>187866</v>
      </c>
      <c r="E11" s="36">
        <v>350634</v>
      </c>
      <c r="F11" s="36">
        <v>232211</v>
      </c>
      <c r="G11" s="36">
        <v>149533</v>
      </c>
      <c r="H11" s="137">
        <v>453477</v>
      </c>
    </row>
  </sheetData>
  <phoneticPr fontId="1"/>
  <pageMargins left="0.59055118110236227" right="0.59055118110236227" top="0.39370078740157483" bottom="0.39370078740157483" header="0.51181102362204722" footer="0.51181102362204722"/>
  <pageSetup paperSize="9" orientation="landscape"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Cover</vt:lpstr>
      <vt:lpstr>Financial Summary</vt:lpstr>
      <vt:lpstr>Information by Segment</vt:lpstr>
      <vt:lpstr>Balance Sheets</vt:lpstr>
      <vt:lpstr>Statements of Operation</vt:lpstr>
      <vt:lpstr>Statements of Cash Flows</vt:lpstr>
      <vt:lpstr>'Balance Sheets'!Print_Area</vt:lpstr>
      <vt:lpstr>Cover!Print_Area</vt:lpstr>
      <vt:lpstr>'Financial Summary'!Print_Area</vt:lpstr>
      <vt:lpstr>'Information by Segment'!Print_Area</vt:lpstr>
      <vt:lpstr>'Statements of Cash Flows'!Print_Area</vt:lpstr>
      <vt:lpstr>'Statements of Operation'!Print_Area</vt:lpstr>
      <vt:lpstr>'Financial Summary'!Print_Titles</vt:lpstr>
      <vt:lpstr>'Information by Segment'!Print_Titles</vt:lpstr>
      <vt:lpstr>'Statements of Cash Flows'!Print_Titles</vt:lpstr>
      <vt:lpstr>'Statements of Operation'!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Printed>2017-10-10T09:54:16Z</cp:lastPrinted>
  <dcterms:created xsi:type="dcterms:W3CDTF">2005-04-11T02:34:13Z</dcterms:created>
  <dcterms:modified xsi:type="dcterms:W3CDTF">2024-03-19T04:39: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